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8" r:id="rId3"/>
    <p:sldId id="260" r:id="rId4"/>
    <p:sldId id="261" r:id="rId5"/>
    <p:sldId id="257" r:id="rId6"/>
    <p:sldId id="259" r:id="rId7"/>
    <p:sldId id="262" r:id="rId8"/>
    <p:sldId id="263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8EABB99-6CDE-45BA-8E65-18A74234733B}" v="13" dt="2023-02-12T23:55:23.29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64" d="100"/>
          <a:sy n="64" d="100"/>
        </p:scale>
        <p:origin x="748" y="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colas Indriets" userId="e725c3cd5a99117f" providerId="LiveId" clId="{68EABB99-6CDE-45BA-8E65-18A74234733B}"/>
    <pc:docChg chg="custSel addSld modSld">
      <pc:chgData name="Nicolas Indriets" userId="e725c3cd5a99117f" providerId="LiveId" clId="{68EABB99-6CDE-45BA-8E65-18A74234733B}" dt="2023-02-12T23:55:25.832" v="1761" actId="478"/>
      <pc:docMkLst>
        <pc:docMk/>
      </pc:docMkLst>
      <pc:sldChg chg="addSp delSp modSp mod">
        <pc:chgData name="Nicolas Indriets" userId="e725c3cd5a99117f" providerId="LiveId" clId="{68EABB99-6CDE-45BA-8E65-18A74234733B}" dt="2023-02-12T17:08:12.639" v="1473" actId="27636"/>
        <pc:sldMkLst>
          <pc:docMk/>
          <pc:sldMk cId="714622990" sldId="257"/>
        </pc:sldMkLst>
        <pc:spChg chg="mod">
          <ac:chgData name="Nicolas Indriets" userId="e725c3cd5a99117f" providerId="LiveId" clId="{68EABB99-6CDE-45BA-8E65-18A74234733B}" dt="2023-02-12T17:07:33.351" v="1427" actId="20577"/>
          <ac:spMkLst>
            <pc:docMk/>
            <pc:sldMk cId="714622990" sldId="257"/>
            <ac:spMk id="4" creationId="{0360A035-0B92-2C96-709F-EA4A2B98F308}"/>
          </ac:spMkLst>
        </pc:spChg>
        <pc:spChg chg="mod">
          <ac:chgData name="Nicolas Indriets" userId="e725c3cd5a99117f" providerId="LiveId" clId="{68EABB99-6CDE-45BA-8E65-18A74234733B}" dt="2023-02-12T17:08:12.639" v="1473" actId="27636"/>
          <ac:spMkLst>
            <pc:docMk/>
            <pc:sldMk cId="714622990" sldId="257"/>
            <ac:spMk id="5" creationId="{575A6F0E-9601-80E5-9867-8D6E43EFB171}"/>
          </ac:spMkLst>
        </pc:spChg>
        <pc:picChg chg="del mod">
          <ac:chgData name="Nicolas Indriets" userId="e725c3cd5a99117f" providerId="LiveId" clId="{68EABB99-6CDE-45BA-8E65-18A74234733B}" dt="2023-02-12T15:40:50.503" v="760" actId="478"/>
          <ac:picMkLst>
            <pc:docMk/>
            <pc:sldMk cId="714622990" sldId="257"/>
            <ac:picMk id="6" creationId="{2410C957-3E58-4DBF-1CA1-742C718499A2}"/>
          </ac:picMkLst>
        </pc:picChg>
        <pc:picChg chg="add mod">
          <ac:chgData name="Nicolas Indriets" userId="e725c3cd5a99117f" providerId="LiveId" clId="{68EABB99-6CDE-45BA-8E65-18A74234733B}" dt="2023-02-12T15:41:24.548" v="762" actId="1076"/>
          <ac:picMkLst>
            <pc:docMk/>
            <pc:sldMk cId="714622990" sldId="257"/>
            <ac:picMk id="9" creationId="{315BE166-ED67-B887-60ED-1F0D55C39683}"/>
          </ac:picMkLst>
        </pc:picChg>
      </pc:sldChg>
      <pc:sldChg chg="addSp delSp modSp mod">
        <pc:chgData name="Nicolas Indriets" userId="e725c3cd5a99117f" providerId="LiveId" clId="{68EABB99-6CDE-45BA-8E65-18A74234733B}" dt="2023-02-12T16:02:28.496" v="873" actId="1076"/>
        <pc:sldMkLst>
          <pc:docMk/>
          <pc:sldMk cId="645767246" sldId="258"/>
        </pc:sldMkLst>
        <pc:spChg chg="mod">
          <ac:chgData name="Nicolas Indriets" userId="e725c3cd5a99117f" providerId="LiveId" clId="{68EABB99-6CDE-45BA-8E65-18A74234733B}" dt="2023-02-12T14:42:13.247" v="363" actId="20577"/>
          <ac:spMkLst>
            <pc:docMk/>
            <pc:sldMk cId="645767246" sldId="258"/>
            <ac:spMk id="2" creationId="{6F7E24F5-6AE9-C3A1-7929-FBA5B279E4CA}"/>
          </ac:spMkLst>
        </pc:spChg>
        <pc:spChg chg="del">
          <ac:chgData name="Nicolas Indriets" userId="e725c3cd5a99117f" providerId="LiveId" clId="{68EABB99-6CDE-45BA-8E65-18A74234733B}" dt="2023-02-12T14:29:27.389" v="1" actId="478"/>
          <ac:spMkLst>
            <pc:docMk/>
            <pc:sldMk cId="645767246" sldId="258"/>
            <ac:spMk id="3" creationId="{72FF2095-A6A4-5471-C51F-9B331E1C6BB7}"/>
          </ac:spMkLst>
        </pc:spChg>
        <pc:spChg chg="add mod">
          <ac:chgData name="Nicolas Indriets" userId="e725c3cd5a99117f" providerId="LiveId" clId="{68EABB99-6CDE-45BA-8E65-18A74234733B}" dt="2023-02-12T16:02:28.496" v="873" actId="1076"/>
          <ac:spMkLst>
            <pc:docMk/>
            <pc:sldMk cId="645767246" sldId="258"/>
            <ac:spMk id="5" creationId="{ED390014-C6AB-A761-FD2C-F80484BDD10E}"/>
          </ac:spMkLst>
        </pc:spChg>
        <pc:picChg chg="add mod">
          <ac:chgData name="Nicolas Indriets" userId="e725c3cd5a99117f" providerId="LiveId" clId="{68EABB99-6CDE-45BA-8E65-18A74234733B}" dt="2023-02-12T14:42:18.884" v="365" actId="1076"/>
          <ac:picMkLst>
            <pc:docMk/>
            <pc:sldMk cId="645767246" sldId="258"/>
            <ac:picMk id="6" creationId="{44937934-8509-1EE5-F4C3-58E2991C3BBF}"/>
          </ac:picMkLst>
        </pc:picChg>
      </pc:sldChg>
      <pc:sldChg chg="addSp modSp new mod">
        <pc:chgData name="Nicolas Indriets" userId="e725c3cd5a99117f" providerId="LiveId" clId="{68EABB99-6CDE-45BA-8E65-18A74234733B}" dt="2023-02-12T17:06:27.504" v="1405" actId="1076"/>
        <pc:sldMkLst>
          <pc:docMk/>
          <pc:sldMk cId="2793137237" sldId="259"/>
        </pc:sldMkLst>
        <pc:spChg chg="mod">
          <ac:chgData name="Nicolas Indriets" userId="e725c3cd5a99117f" providerId="LiveId" clId="{68EABB99-6CDE-45BA-8E65-18A74234733B}" dt="2023-02-12T15:41:37.737" v="778" actId="20577"/>
          <ac:spMkLst>
            <pc:docMk/>
            <pc:sldMk cId="2793137237" sldId="259"/>
            <ac:spMk id="2" creationId="{E87A504C-921E-3CC1-BD3D-C4AAA6228B21}"/>
          </ac:spMkLst>
        </pc:spChg>
        <pc:spChg chg="mod">
          <ac:chgData name="Nicolas Indriets" userId="e725c3cd5a99117f" providerId="LiveId" clId="{68EABB99-6CDE-45BA-8E65-18A74234733B}" dt="2023-02-12T17:04:16.128" v="1315" actId="1076"/>
          <ac:spMkLst>
            <pc:docMk/>
            <pc:sldMk cId="2793137237" sldId="259"/>
            <ac:spMk id="3" creationId="{5F807468-D469-A289-2DDC-B75CAAE8DDE2}"/>
          </ac:spMkLst>
        </pc:spChg>
        <pc:spChg chg="add mod">
          <ac:chgData name="Nicolas Indriets" userId="e725c3cd5a99117f" providerId="LiveId" clId="{68EABB99-6CDE-45BA-8E65-18A74234733B}" dt="2023-02-12T17:06:27.504" v="1405" actId="1076"/>
          <ac:spMkLst>
            <pc:docMk/>
            <pc:sldMk cId="2793137237" sldId="259"/>
            <ac:spMk id="10" creationId="{1D477BAF-DAFB-D884-F46C-BFA2019D411A}"/>
          </ac:spMkLst>
        </pc:spChg>
        <pc:spChg chg="add mod">
          <ac:chgData name="Nicolas Indriets" userId="e725c3cd5a99117f" providerId="LiveId" clId="{68EABB99-6CDE-45BA-8E65-18A74234733B}" dt="2023-02-12T17:06:23.220" v="1404" actId="1076"/>
          <ac:spMkLst>
            <pc:docMk/>
            <pc:sldMk cId="2793137237" sldId="259"/>
            <ac:spMk id="11" creationId="{B1F7CC20-C206-FE3E-AC99-ABDDB91EE0A0}"/>
          </ac:spMkLst>
        </pc:spChg>
        <pc:spChg chg="add mod">
          <ac:chgData name="Nicolas Indriets" userId="e725c3cd5a99117f" providerId="LiveId" clId="{68EABB99-6CDE-45BA-8E65-18A74234733B}" dt="2023-02-12T17:06:18.113" v="1403" actId="1076"/>
          <ac:spMkLst>
            <pc:docMk/>
            <pc:sldMk cId="2793137237" sldId="259"/>
            <ac:spMk id="12" creationId="{C82AD66B-A2AE-4E14-CBEF-BB1C8D10772E}"/>
          </ac:spMkLst>
        </pc:spChg>
        <pc:picChg chg="add mod">
          <ac:chgData name="Nicolas Indriets" userId="e725c3cd5a99117f" providerId="LiveId" clId="{68EABB99-6CDE-45BA-8E65-18A74234733B}" dt="2023-02-12T17:04:36.361" v="1323" actId="1076"/>
          <ac:picMkLst>
            <pc:docMk/>
            <pc:sldMk cId="2793137237" sldId="259"/>
            <ac:picMk id="5" creationId="{BAC42DBB-F960-F93E-6A82-2E01A3A849E6}"/>
          </ac:picMkLst>
        </pc:picChg>
        <pc:picChg chg="add mod">
          <ac:chgData name="Nicolas Indriets" userId="e725c3cd5a99117f" providerId="LiveId" clId="{68EABB99-6CDE-45BA-8E65-18A74234733B}" dt="2023-02-12T17:04:39.418" v="1324" actId="1076"/>
          <ac:picMkLst>
            <pc:docMk/>
            <pc:sldMk cId="2793137237" sldId="259"/>
            <ac:picMk id="7" creationId="{7E69330C-BD8C-34B3-AA3D-3DAB079F2717}"/>
          </ac:picMkLst>
        </pc:picChg>
        <pc:picChg chg="add mod">
          <ac:chgData name="Nicolas Indriets" userId="e725c3cd5a99117f" providerId="LiveId" clId="{68EABB99-6CDE-45BA-8E65-18A74234733B}" dt="2023-02-12T17:04:44.932" v="1325" actId="1076"/>
          <ac:picMkLst>
            <pc:docMk/>
            <pc:sldMk cId="2793137237" sldId="259"/>
            <ac:picMk id="9" creationId="{7F3EE761-F6A5-D6BC-B8FC-32C8AD1991DF}"/>
          </ac:picMkLst>
        </pc:picChg>
      </pc:sldChg>
      <pc:sldChg chg="addSp modSp new mod">
        <pc:chgData name="Nicolas Indriets" userId="e725c3cd5a99117f" providerId="LiveId" clId="{68EABB99-6CDE-45BA-8E65-18A74234733B}" dt="2023-02-12T15:26:36.373" v="446" actId="20577"/>
        <pc:sldMkLst>
          <pc:docMk/>
          <pc:sldMk cId="477510252" sldId="260"/>
        </pc:sldMkLst>
        <pc:spChg chg="mod">
          <ac:chgData name="Nicolas Indriets" userId="e725c3cd5a99117f" providerId="LiveId" clId="{68EABB99-6CDE-45BA-8E65-18A74234733B}" dt="2023-02-12T14:54:13.733" v="387" actId="20577"/>
          <ac:spMkLst>
            <pc:docMk/>
            <pc:sldMk cId="477510252" sldId="260"/>
            <ac:spMk id="2" creationId="{D65CF74E-0670-789B-9208-A7E5839D637A}"/>
          </ac:spMkLst>
        </pc:spChg>
        <pc:spChg chg="mod">
          <ac:chgData name="Nicolas Indriets" userId="e725c3cd5a99117f" providerId="LiveId" clId="{68EABB99-6CDE-45BA-8E65-18A74234733B}" dt="2023-02-12T15:26:32.055" v="442" actId="20577"/>
          <ac:spMkLst>
            <pc:docMk/>
            <pc:sldMk cId="477510252" sldId="260"/>
            <ac:spMk id="3" creationId="{2FA757C1-A531-0ECF-086A-8ACBCA7F7D66}"/>
          </ac:spMkLst>
        </pc:spChg>
        <pc:spChg chg="add mod">
          <ac:chgData name="Nicolas Indriets" userId="e725c3cd5a99117f" providerId="LiveId" clId="{68EABB99-6CDE-45BA-8E65-18A74234733B}" dt="2023-02-12T15:26:36.373" v="446" actId="20577"/>
          <ac:spMkLst>
            <pc:docMk/>
            <pc:sldMk cId="477510252" sldId="260"/>
            <ac:spMk id="8" creationId="{91A44EA2-B53B-782C-622F-E440E4A10A14}"/>
          </ac:spMkLst>
        </pc:spChg>
        <pc:picChg chg="add mod">
          <ac:chgData name="Nicolas Indriets" userId="e725c3cd5a99117f" providerId="LiveId" clId="{68EABB99-6CDE-45BA-8E65-18A74234733B}" dt="2023-02-12T15:25:51.056" v="434" actId="1076"/>
          <ac:picMkLst>
            <pc:docMk/>
            <pc:sldMk cId="477510252" sldId="260"/>
            <ac:picMk id="5" creationId="{7FE1CD93-EEB3-05CE-E5FC-CCC2102E294A}"/>
          </ac:picMkLst>
        </pc:picChg>
        <pc:picChg chg="add mod">
          <ac:chgData name="Nicolas Indriets" userId="e725c3cd5a99117f" providerId="LiveId" clId="{68EABB99-6CDE-45BA-8E65-18A74234733B}" dt="2023-02-12T15:26:04.040" v="437" actId="14100"/>
          <ac:picMkLst>
            <pc:docMk/>
            <pc:sldMk cId="477510252" sldId="260"/>
            <ac:picMk id="7" creationId="{410F72B9-DCE5-913A-42B6-E147F092D978}"/>
          </ac:picMkLst>
        </pc:picChg>
      </pc:sldChg>
      <pc:sldChg chg="addSp modSp new mod">
        <pc:chgData name="Nicolas Indriets" userId="e725c3cd5a99117f" providerId="LiveId" clId="{68EABB99-6CDE-45BA-8E65-18A74234733B}" dt="2023-02-12T15:35:36.849" v="666" actId="1076"/>
        <pc:sldMkLst>
          <pc:docMk/>
          <pc:sldMk cId="3524731049" sldId="261"/>
        </pc:sldMkLst>
        <pc:spChg chg="mod">
          <ac:chgData name="Nicolas Indriets" userId="e725c3cd5a99117f" providerId="LiveId" clId="{68EABB99-6CDE-45BA-8E65-18A74234733B}" dt="2023-02-12T15:27:50.429" v="460" actId="20577"/>
          <ac:spMkLst>
            <pc:docMk/>
            <pc:sldMk cId="3524731049" sldId="261"/>
            <ac:spMk id="2" creationId="{56FFE1CE-EFB5-35FB-EA4B-9CE13E9EA61D}"/>
          </ac:spMkLst>
        </pc:spChg>
        <pc:spChg chg="mod">
          <ac:chgData name="Nicolas Indriets" userId="e725c3cd5a99117f" providerId="LiveId" clId="{68EABB99-6CDE-45BA-8E65-18A74234733B}" dt="2023-02-12T15:34:50.431" v="631" actId="1076"/>
          <ac:spMkLst>
            <pc:docMk/>
            <pc:sldMk cId="3524731049" sldId="261"/>
            <ac:spMk id="3" creationId="{234B2F76-01D5-6122-6E04-1B1E05FF22AB}"/>
          </ac:spMkLst>
        </pc:spChg>
        <pc:spChg chg="add mod">
          <ac:chgData name="Nicolas Indriets" userId="e725c3cd5a99117f" providerId="LiveId" clId="{68EABB99-6CDE-45BA-8E65-18A74234733B}" dt="2023-02-12T15:35:33.435" v="665" actId="1076"/>
          <ac:spMkLst>
            <pc:docMk/>
            <pc:sldMk cId="3524731049" sldId="261"/>
            <ac:spMk id="8" creationId="{ADDD757F-913F-7FF6-481A-B78C706968FD}"/>
          </ac:spMkLst>
        </pc:spChg>
        <pc:spChg chg="add mod">
          <ac:chgData name="Nicolas Indriets" userId="e725c3cd5a99117f" providerId="LiveId" clId="{68EABB99-6CDE-45BA-8E65-18A74234733B}" dt="2023-02-12T15:35:36.849" v="666" actId="1076"/>
          <ac:spMkLst>
            <pc:docMk/>
            <pc:sldMk cId="3524731049" sldId="261"/>
            <ac:spMk id="9" creationId="{8B99CBD5-5647-FDFD-CB51-E4B726AB2187}"/>
          </ac:spMkLst>
        </pc:spChg>
        <pc:picChg chg="add mod">
          <ac:chgData name="Nicolas Indriets" userId="e725c3cd5a99117f" providerId="LiveId" clId="{68EABB99-6CDE-45BA-8E65-18A74234733B}" dt="2023-02-12T15:34:45.399" v="630" actId="1076"/>
          <ac:picMkLst>
            <pc:docMk/>
            <pc:sldMk cId="3524731049" sldId="261"/>
            <ac:picMk id="5" creationId="{D4F70E6F-F86A-6F11-53DA-80525CCAA8B1}"/>
          </ac:picMkLst>
        </pc:picChg>
        <pc:picChg chg="add mod">
          <ac:chgData name="Nicolas Indriets" userId="e725c3cd5a99117f" providerId="LiveId" clId="{68EABB99-6CDE-45BA-8E65-18A74234733B}" dt="2023-02-12T15:34:30.609" v="629" actId="1076"/>
          <ac:picMkLst>
            <pc:docMk/>
            <pc:sldMk cId="3524731049" sldId="261"/>
            <ac:picMk id="7" creationId="{3B25DED9-3B86-33D3-D427-59A6DEE76DB9}"/>
          </ac:picMkLst>
        </pc:picChg>
      </pc:sldChg>
      <pc:sldChg chg="addSp modSp new mod">
        <pc:chgData name="Nicolas Indriets" userId="e725c3cd5a99117f" providerId="LiveId" clId="{68EABB99-6CDE-45BA-8E65-18A74234733B}" dt="2023-02-12T23:31:24.058" v="1699" actId="1076"/>
        <pc:sldMkLst>
          <pc:docMk/>
          <pc:sldMk cId="2099161579" sldId="262"/>
        </pc:sldMkLst>
        <pc:spChg chg="mod">
          <ac:chgData name="Nicolas Indriets" userId="e725c3cd5a99117f" providerId="LiveId" clId="{68EABB99-6CDE-45BA-8E65-18A74234733B}" dt="2023-02-12T23:29:54.573" v="1689" actId="20577"/>
          <ac:spMkLst>
            <pc:docMk/>
            <pc:sldMk cId="2099161579" sldId="262"/>
            <ac:spMk id="2" creationId="{9528A3D4-D1DC-4296-B8ED-1116ABA00C9A}"/>
          </ac:spMkLst>
        </pc:spChg>
        <pc:spChg chg="mod">
          <ac:chgData name="Nicolas Indriets" userId="e725c3cd5a99117f" providerId="LiveId" clId="{68EABB99-6CDE-45BA-8E65-18A74234733B}" dt="2023-02-12T23:31:16.532" v="1698" actId="1076"/>
          <ac:spMkLst>
            <pc:docMk/>
            <pc:sldMk cId="2099161579" sldId="262"/>
            <ac:spMk id="3" creationId="{F8A28EAB-DB5E-2ECA-63B5-70246E954A95}"/>
          </ac:spMkLst>
        </pc:spChg>
        <pc:spChg chg="add mod">
          <ac:chgData name="Nicolas Indriets" userId="e725c3cd5a99117f" providerId="LiveId" clId="{68EABB99-6CDE-45BA-8E65-18A74234733B}" dt="2023-02-12T23:31:24.058" v="1699" actId="1076"/>
          <ac:spMkLst>
            <pc:docMk/>
            <pc:sldMk cId="2099161579" sldId="262"/>
            <ac:spMk id="8" creationId="{6581228B-603C-6E55-95FC-452ABD6A0CE9}"/>
          </ac:spMkLst>
        </pc:spChg>
        <pc:picChg chg="add mod">
          <ac:chgData name="Nicolas Indriets" userId="e725c3cd5a99117f" providerId="LiveId" clId="{68EABB99-6CDE-45BA-8E65-18A74234733B}" dt="2023-02-12T23:19:13.457" v="1550" actId="1076"/>
          <ac:picMkLst>
            <pc:docMk/>
            <pc:sldMk cId="2099161579" sldId="262"/>
            <ac:picMk id="5" creationId="{83BC4C83-8BBA-F98C-72C7-BE24E55758B4}"/>
          </ac:picMkLst>
        </pc:picChg>
        <pc:picChg chg="add mod">
          <ac:chgData name="Nicolas Indriets" userId="e725c3cd5a99117f" providerId="LiveId" clId="{68EABB99-6CDE-45BA-8E65-18A74234733B}" dt="2023-02-12T23:19:14.226" v="1551" actId="1076"/>
          <ac:picMkLst>
            <pc:docMk/>
            <pc:sldMk cId="2099161579" sldId="262"/>
            <ac:picMk id="7" creationId="{88D61C9F-BAD5-1005-B0EA-ED6606D3E0C3}"/>
          </ac:picMkLst>
        </pc:picChg>
      </pc:sldChg>
      <pc:sldChg chg="addSp delSp modSp new mod">
        <pc:chgData name="Nicolas Indriets" userId="e725c3cd5a99117f" providerId="LiveId" clId="{68EABB99-6CDE-45BA-8E65-18A74234733B}" dt="2023-02-12T23:55:25.832" v="1761" actId="478"/>
        <pc:sldMkLst>
          <pc:docMk/>
          <pc:sldMk cId="2479494436" sldId="263"/>
        </pc:sldMkLst>
        <pc:spChg chg="mod">
          <ac:chgData name="Nicolas Indriets" userId="e725c3cd5a99117f" providerId="LiveId" clId="{68EABB99-6CDE-45BA-8E65-18A74234733B}" dt="2023-02-12T23:34:59.362" v="1752" actId="20577"/>
          <ac:spMkLst>
            <pc:docMk/>
            <pc:sldMk cId="2479494436" sldId="263"/>
            <ac:spMk id="2" creationId="{851290A5-4C63-8EFA-F3B1-E3FF46C938AC}"/>
          </ac:spMkLst>
        </pc:spChg>
        <pc:spChg chg="del">
          <ac:chgData name="Nicolas Indriets" userId="e725c3cd5a99117f" providerId="LiveId" clId="{68EABB99-6CDE-45BA-8E65-18A74234733B}" dt="2023-02-12T23:54:47.800" v="1756" actId="478"/>
          <ac:spMkLst>
            <pc:docMk/>
            <pc:sldMk cId="2479494436" sldId="263"/>
            <ac:spMk id="3" creationId="{CE750AEA-A35E-831F-9173-915D5BE6606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" creationId="{E72E22F8-4F57-5F6B-14D6-903CC539931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" creationId="{BA4D8909-244A-F977-F910-81568918891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" creationId="{0DC770FC-8DD9-B95D-60D3-0BDEE38A042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" creationId="{C2A2BA08-9BE5-D86D-191C-ACD8F718B67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9" creationId="{C7228FE3-3EDF-AE94-6BE9-6E744BE6B4A7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0" creationId="{7F562AC2-A121-B86C-F5A1-4CFE7AD01F09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" creationId="{AEB3A857-6875-F28D-6B74-A9BB6DC90E2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" creationId="{A0CAEB79-D4F0-D207-2F85-442718C81861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3" creationId="{1FB0E842-95C4-7BE1-61AB-4D62636E364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4" creationId="{3B0F52AD-15CD-4307-5E13-7FD57B13D087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5" creationId="{DEBD927C-45D5-446A-84E2-D74C37995AD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6" creationId="{50650F3C-128A-480C-1AC9-A26B77F68E1D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26" creationId="{E4DA6190-0ED7-F5BD-4815-A813C702325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27" creationId="{6989CA20-C0B9-2F38-82CD-5CB85C4104D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28" creationId="{706FD6B2-936E-3AB5-7A9E-923EB404B3A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29" creationId="{CC0B166A-D0C1-6BA2-2D5C-7C0214C325F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0" creationId="{661F474E-CBFA-ADA4-CCD1-924852E8E4F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1" creationId="{4A974BD6-6B2C-2FA9-13D9-64FD2E48E76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2" creationId="{31829273-7170-7366-DEE5-42E07B22826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3" creationId="{1474C83A-CF05-B10A-B239-6F78BA849A2E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4" creationId="{C6A67066-4983-143B-DAF8-70B8D014FA3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5" creationId="{18A9F284-D97C-4CE1-EEA3-E2A1A88C0875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6" creationId="{8A851239-C08A-A3CD-6197-EAA7C2095B6C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7" creationId="{46868E7E-80EE-A3A9-D5BF-DAE192D8587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8" creationId="{B3AB39CC-6765-8AA1-96D0-901437500205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39" creationId="{76E971F1-5DB5-6682-3199-6906A799E90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0" creationId="{645C9D49-DB72-7EF0-FDF6-8841A4D084C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1" creationId="{150CB5F0-3D9D-34AA-B5FE-D3B58EBC495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2" creationId="{E26B02C2-6DB2-0643-CDA8-E1BFE732B98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3" creationId="{58833C58-4626-C572-AD76-E86F30C2E76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4" creationId="{330537B3-01C3-649C-E2D8-B24BF3FD23A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5" creationId="{CCF47597-04B4-08C0-A1A4-E27E99F4A0B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6" creationId="{1C88B203-12E0-8D55-261C-8088AE6691C5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7" creationId="{2C80206D-7A6C-A8EA-6410-83CCB76F1DE9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8" creationId="{AEDCF944-C4D2-CC98-94E8-FBFC03AEAE51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49" creationId="{235D5816-7EF5-696C-DCAB-C26CAF2E98B1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0" creationId="{9342DB1B-9793-F623-4431-769BFB0603B7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1" creationId="{0F8DA7EA-B297-120E-444D-2B0DDDB0E37E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2" creationId="{43274F63-2A46-C575-4499-F6B2FA83BBD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3" creationId="{E8CD9D16-B770-D336-E20F-01ECCAD2FCE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4" creationId="{B011A34F-FCF2-3939-EE0A-A3B4CEC1F17E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5" creationId="{B9EF6A60-336D-1CB9-66C5-372CB6676F6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6" creationId="{5794391C-25B1-D7A1-F5FC-05065A8B297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7" creationId="{0880811E-B154-C571-83D1-A2232578C88E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8" creationId="{642BFC9B-D655-99BA-ED6D-8E79AD453E9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59" creationId="{E0A673BA-A321-9149-7F6A-F5936B102E4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0" creationId="{CC46AF3D-E830-61D8-CDF8-C1A56DEDF81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1" creationId="{8AF32C9C-DCC6-F643-C616-DF66CF565F9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2" creationId="{48D49837-916A-4BDD-2EF9-555DB5355C77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3" creationId="{FFB60FC1-4905-1401-0B6E-A4C2B02ECB17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4" creationId="{BF9A1D9B-AB52-C655-3C11-4CDE568B91D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5" creationId="{E874BC76-6D16-B3CA-AD23-F6C3479080F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6" creationId="{FB61D476-E4BB-A3A1-D991-96D53BA3D69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7" creationId="{8264686E-409E-65E3-5D39-E81C0AF9BCE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8" creationId="{D0B1A876-3051-EE78-8EEE-575865D495CE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69" creationId="{63BB3B78-0D71-3B07-1AA4-9E5BBA70B96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0" creationId="{DD59FEFE-52D4-1685-90B0-D59A743C6FE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1" creationId="{870A333C-BAB7-9C72-660A-2D2A5652DBAC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2" creationId="{16255965-A8EA-4DC3-CB0A-6E723C8AF438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3" creationId="{DCA5E470-7644-7EFE-EC50-371FD4F5349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4" creationId="{EB1EA739-1F4C-C7EF-9287-C3A33E2D8A3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5" creationId="{5B37A0F5-DEC8-0054-86DE-BBC5829E9368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6" creationId="{629D7E12-0073-D94F-DD46-B5A2BA97A1A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7" creationId="{96926C20-2D14-5720-71D1-900CE5EE87B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8" creationId="{1D0103BE-1244-674D-76FC-D8881D7CB74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79" creationId="{636452DC-524B-A869-5A77-6B3B08A05C9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0" creationId="{FF3B946D-3186-208F-3973-D898CB8B9A60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1" creationId="{F939443F-699C-5EF4-D483-9BFBDD13A67D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2" creationId="{307E5F9E-CA0E-09F3-DE2E-AB9511339FF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3" creationId="{DDD00ED1-2202-F5D6-3A9E-EA41127E559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4" creationId="{858F73CD-D808-831C-362E-99E8446B385C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5" creationId="{471C7841-F065-E37F-A344-9DD2B42F2F5A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6" creationId="{B43B7B2B-3372-1F75-0A69-5860B343925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87" creationId="{ECACDED7-F2C5-71E6-6B08-2B59AB1E398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09" creationId="{A58CC3CC-1334-E7E1-C796-0E459ED399C4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0" creationId="{501B562D-B6A0-F155-9F10-6D1F10E23E9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1" creationId="{AB8FABC8-44AB-DCB2-0770-33AE1AA4596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2" creationId="{ACE3A2F4-7963-A475-CA6B-C2D9EA69EDD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3" creationId="{48DF8EE9-E23C-E89F-E135-59560483AD89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4" creationId="{89698B52-11F9-AF16-BAC6-60CEC5213EFB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5" creationId="{67935FAF-D257-7079-C404-AA2C500C7836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6" creationId="{EFDC0810-85A8-DF02-9D06-CE057D3A9F79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7" creationId="{482185EF-84C6-27E9-6E9B-F00A8ECA0BB9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8" creationId="{20DEEA74-42F4-2F6C-B4AD-A0D4DA70F102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19" creationId="{0C18E0F1-E15E-18AD-31BC-7716317E37C3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0" creationId="{DB115B95-919B-64DA-E6B4-829E53AE017C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1" creationId="{478FBCB3-898D-29BB-B704-FDF2A98B45CC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2" creationId="{E543C827-7F18-07EA-0B85-5665A3963855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3" creationId="{665625B4-326A-81DD-77A3-8C4CFECFFE8F}"/>
          </ac:spMkLst>
        </pc:spChg>
        <pc:spChg chg="add del mod">
          <ac:chgData name="Nicolas Indriets" userId="e725c3cd5a99117f" providerId="LiveId" clId="{68EABB99-6CDE-45BA-8E65-18A74234733B}" dt="2023-02-12T23:54:45.440" v="1755" actId="478"/>
          <ac:spMkLst>
            <pc:docMk/>
            <pc:sldMk cId="2479494436" sldId="263"/>
            <ac:spMk id="124" creationId="{E9407579-965D-DED9-DF68-90D9F02EE281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26" creationId="{91A6BE3B-EB07-B306-B1EE-ED536942E7CB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27" creationId="{94DE5602-5256-1DD5-4627-445A1521494E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28" creationId="{42D1ED27-662B-D4E4-489F-4808ED90FD0C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29" creationId="{B70FC401-39F9-13C3-08CA-350F77A22DA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31" creationId="{E84FE6B6-A56E-69FA-AF7C-DBB6F1A51D2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32" creationId="{19FC1132-5BA2-52B2-96D5-9C05FD1FA01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33" creationId="{6F004BCE-D484-3B1F-A4C0-739337A0F31D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34" creationId="{3FC33BEF-27A5-5A89-FD71-CDCED8174942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35" creationId="{2D00528D-4AD6-52CA-7A1C-862C8BD8C97D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36" creationId="{B95E3F25-3B7C-A83F-D4ED-D51D723E3DB0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37" creationId="{6D8429BF-FAD7-4D48-3C2B-98A0D12E6723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38" creationId="{CF542D63-6715-51D3-CDD3-B6FBBB636361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48" creationId="{8E0BBFA4-AC58-374F-6CA7-BD07A919112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49" creationId="{30ED297B-2804-BF35-300E-4AD601A2B77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0" creationId="{2CC7E3DD-1FA0-A3F1-82C8-8A70E42183D8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1" creationId="{603124A5-E169-3961-79A8-14275C636063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2" creationId="{A37C2F49-A169-BD67-8A98-087828DDB6D8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3" creationId="{F6924025-584A-C670-2635-988E63243426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4" creationId="{6AE7C84D-C733-98FF-8307-A17584CECA1C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5" creationId="{26C74BE7-9025-3ECB-0DCF-59041EAAEF1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6" creationId="{05AB2140-37C5-9DA9-6FE5-FA700D2BFC8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57" creationId="{67BED7CC-DE14-1C28-D4D9-B6997BD24ABA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58" creationId="{E07E08E0-7B72-6A44-6585-C57222AB920D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59" creationId="{47AABD53-2634-8BCD-D59F-6F0D3C758875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60" creationId="{D62DB631-D54F-3968-569D-275D361B038C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61" creationId="{24D066DE-CCC8-BD89-DDE8-21123E42FAD5}"/>
          </ac:spMkLst>
        </pc:spChg>
        <pc:spChg chg="add del mod">
          <ac:chgData name="Nicolas Indriets" userId="e725c3cd5a99117f" providerId="LiveId" clId="{68EABB99-6CDE-45BA-8E65-18A74234733B}" dt="2023-02-12T23:55:25.832" v="1761" actId="478"/>
          <ac:spMkLst>
            <pc:docMk/>
            <pc:sldMk cId="2479494436" sldId="263"/>
            <ac:spMk id="162" creationId="{56223661-FD13-BDFF-7EDE-F50347E2835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3" creationId="{CC17E952-DF80-B9ED-1406-CA1B22D11E9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4" creationId="{751C9D2C-4A7B-BFD9-E554-E3A62EBFC749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5" creationId="{18D37F72-AD0A-4DCD-1797-E72560079D0F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6" creationId="{40C88E5B-1A48-8B01-525E-CE6920ADD6D8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7" creationId="{D4A182BD-AE31-22FF-F334-F703A3EF36D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8" creationId="{181380B7-B3F3-D374-9C8E-FBC9128F3D97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69" creationId="{2793E8BF-BC66-C020-3905-85D7B4FD677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0" creationId="{EFC57A52-97A1-D9CA-CB92-597CBB1CBED1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1" creationId="{8223C84C-5ADD-7948-AEEB-F2AB79A4C8C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2" creationId="{07AA0638-2EFA-DB3A-7348-EA03436C23F3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3" creationId="{9230C8C5-74C9-9962-6C50-28EA1F318AE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4" creationId="{C05125BD-15B2-C3C9-35EC-C719197C4396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5" creationId="{2522B402-812C-0EAA-28A1-5BE786AFA54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6" creationId="{5D7383D9-82A4-8822-F195-31A34FB6E7B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7" creationId="{04306C1B-99D5-D75F-396B-17D1DB780C4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8" creationId="{288ACAFF-0888-1C36-60EA-9A668A0CD47A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79" creationId="{FBA7C717-402D-C383-FE5A-EF61A8F8C08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0" creationId="{BBF1F9FB-D926-3CCC-9A33-1E6308D79CA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1" creationId="{D9DF3D67-3268-4B52-6274-97C6ADAAA48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2" creationId="{559E38C8-E4D1-DDA8-8346-F4A0E98D198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3" creationId="{4F2714FA-B646-A883-A920-9F8DBC143A0A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4" creationId="{9AEFA7F6-E3E7-913F-64FF-9AFD1B0DC9CE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5" creationId="{665DED1F-4040-F219-D2BD-33F963340C9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6" creationId="{6CD17B61-1431-9E88-89A9-F0DB696C94FF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7" creationId="{143D2FDC-3E32-C67E-2B61-A34E312F79C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8" creationId="{19977D98-A62E-F183-6B9C-B1EC61D02D8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89" creationId="{03C5F6C5-5C38-DE33-1DB9-19C9D0CC47CC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0" creationId="{8E123231-E44C-ECB3-5904-6D63F6A11B3C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1" creationId="{A3C5DDE5-53F0-A792-39D9-79D3B22575A1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2" creationId="{CB02421B-05E4-9B79-3246-8FF89D0BFA1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3" creationId="{47F5B09A-950D-2EBA-5993-E6A8F7EF753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4" creationId="{28E6C6EE-57A0-16F4-2C80-126256CF5B69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5" creationId="{13A42216-E6CE-C33B-85B8-767F026DB2E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6" creationId="{C5D7E2C8-35B2-82DB-5D89-4866EA628351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7" creationId="{442C7661-8040-E0B3-ECA1-20985D9A53E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8" creationId="{B85534B4-DC40-77CA-2B4B-578A6CBAFDB7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199" creationId="{C98784DF-0A71-2556-D1C7-2F63F899C83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0" creationId="{3D3B649C-D0AB-744A-1AA2-DF0CCD61136C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1" creationId="{AE9C53A0-8D34-749D-5EF8-739A431879B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2" creationId="{ED438866-9278-8C5F-2880-96774DD878C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3" creationId="{AD478D10-DEA1-CFD4-8687-DAAFAA20BD3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4" creationId="{9E92921B-A683-70C4-35D4-EB2F7862DDDA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5" creationId="{2F40154F-3087-6DA1-376B-9075C71F06F9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6" creationId="{8844C83E-713E-D81B-53C2-C47426EF260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7" creationId="{D1DA05C4-1EFB-A864-4EBE-D232C050DB7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8" creationId="{A932B2D7-42E4-5099-6E2F-27E77AE6B70F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09" creationId="{33EFA8ED-F545-6B65-40E3-75E14F6F11FD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1" creationId="{03E452D3-A534-256C-F078-260039A9F325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2" creationId="{FE0F0E5A-C24C-4B25-5F7E-5EBE4291C5F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3" creationId="{437700ED-68C7-8A01-9915-ABCE5CC5458A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4" creationId="{47598B0C-A0E2-10AC-7BEF-E972A4BA6E0F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5" creationId="{FC70EE81-E1D7-A244-948D-87D611313B3E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6" creationId="{836BAEB9-6F81-D380-8DB9-8268A12B3952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7" creationId="{6D51AC13-2C00-6355-94C3-48ED6F504C93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8" creationId="{4B48CF87-14CC-A646-248C-77340104B3DE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39" creationId="{0C81B340-F8CF-601B-84D2-2D0D6E003CF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0" creationId="{A4EC7077-A52F-E741-C7A8-2CB0F5FB3974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1" creationId="{90EA9082-907C-0809-C0D7-C828AE21997F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2" creationId="{F3EB4B4D-E031-95FF-F867-AA12FB4B9EA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3" creationId="{11AF609C-B01D-E2DA-32D1-9F0CF2B0F7DB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4" creationId="{9267050A-7206-3F7B-4D14-0871C8DCB5B0}"/>
          </ac:spMkLst>
        </pc:spChg>
        <pc:spChg chg="add del mod">
          <ac:chgData name="Nicolas Indriets" userId="e725c3cd5a99117f" providerId="LiveId" clId="{68EABB99-6CDE-45BA-8E65-18A74234733B}" dt="2023-02-12T23:55:23.296" v="1760" actId="478"/>
          <ac:spMkLst>
            <pc:docMk/>
            <pc:sldMk cId="2479494436" sldId="263"/>
            <ac:spMk id="245" creationId="{02FFB686-9120-F777-E65A-0CD61B2D4A36}"/>
          </ac:spMkLst>
        </pc:spChg>
        <pc:spChg chg="add del mod">
          <ac:chgData name="Nicolas Indriets" userId="e725c3cd5a99117f" providerId="LiveId" clId="{68EABB99-6CDE-45BA-8E65-18A74234733B}" dt="2023-02-12T23:54:51.738" v="1758" actId="478"/>
          <ac:spMkLst>
            <pc:docMk/>
            <pc:sldMk cId="2479494436" sldId="263"/>
            <ac:spMk id="246" creationId="{6BEF205B-3A97-C597-8790-C68CCC8A49B5}"/>
          </ac:spMkLst>
        </pc:spChg>
        <pc:picChg chg="add del mod">
          <ac:chgData name="Nicolas Indriets" userId="e725c3cd5a99117f" providerId="LiveId" clId="{68EABB99-6CDE-45BA-8E65-18A74234733B}" dt="2023-02-12T23:54:45.440" v="1755" actId="478"/>
          <ac:picMkLst>
            <pc:docMk/>
            <pc:sldMk cId="2479494436" sldId="263"/>
            <ac:picMk id="125" creationId="{B071B0E9-91E3-7577-7821-6F14718788D4}"/>
          </ac:picMkLst>
        </pc:picChg>
        <pc:picChg chg="add del mod">
          <ac:chgData name="Nicolas Indriets" userId="e725c3cd5a99117f" providerId="LiveId" clId="{68EABB99-6CDE-45BA-8E65-18A74234733B}" dt="2023-02-12T23:55:23.296" v="1760" actId="478"/>
          <ac:picMkLst>
            <pc:docMk/>
            <pc:sldMk cId="2479494436" sldId="263"/>
            <ac:picMk id="247" creationId="{317D45E3-8CEB-B073-E083-08D26C968A03}"/>
          </ac:picMkLst>
        </pc:pic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8" creationId="{2B05B49E-4774-3FFA-90D6-BF8C7881EECB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7" creationId="{277B2D60-AEA7-F405-24F1-732CAA4BC3F7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8" creationId="{26C7C63E-FFB4-7E4D-EEEE-FCA0EC3CE7E2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9" creationId="{8789A516-98B1-3B83-9282-F25B806BDD73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0" creationId="{D916FB53-A6D3-F6D4-0906-2EA48E647105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1" creationId="{506B93F0-237E-61DB-5D78-57D84CEDE7A2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2" creationId="{DEDFAA9F-7695-2F9D-A56B-74CA94CAFDC9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3" creationId="{11C27FDA-9F0E-DEDC-D185-2E39BA1A5A2C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4" creationId="{702D450C-D05A-8533-200E-783AF80088C9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25" creationId="{89DAB8F7-39D8-C57B-455C-0B7D9F79AE14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88" creationId="{B27E51B9-C0DA-0881-0E81-C2DE5E123FD6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89" creationId="{1A87D51B-9A95-D9E3-0819-DDA04524F345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0" creationId="{A932A038-5D67-122C-BAC8-C20ECE38BCFF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1" creationId="{B08C1215-700E-2DA9-B939-2456DB508BB2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2" creationId="{6CEB4574-E2ED-FEF5-A29D-336E324092B0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3" creationId="{E949C4CE-7F19-C9A5-48AC-CD4453DD26E3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4" creationId="{C5DB60E9-0ED7-34FB-E92E-9412113FEAC0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5" creationId="{04668255-4C14-3193-688D-5A23A7AD6BB9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6" creationId="{41C49730-A185-891E-A355-C911A1D91626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7" creationId="{416C0830-ADAD-4271-B735-F5CCC8CFE1BE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8" creationId="{9D325983-8A60-8B13-8CE1-3D05F69D49BD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99" creationId="{F2D31D69-9696-F7C5-FD69-A23B0A91EB15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0" creationId="{1BBA7612-A835-1897-C521-4964B34B4586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1" creationId="{D083BFBD-29F2-0987-AA47-04285B58AA11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2" creationId="{BBDB8372-0620-3922-0A50-EE87BFA2A294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3" creationId="{00741B3D-1F36-CDFD-B4C8-8D48541AE58E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4" creationId="{C5700223-89D4-B9CD-3C95-F3FAD5C5B67B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5" creationId="{5F65A0BD-F993-7720-AA79-6BB6706E3744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6" creationId="{CC081FEF-1796-6CE6-CB55-E29A943D4684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7" creationId="{F2BABECF-FD2D-B30C-5BF7-E3E864FA71C6}"/>
          </ac:cxnSpMkLst>
        </pc:cxnChg>
        <pc:cxnChg chg="add del mod">
          <ac:chgData name="Nicolas Indriets" userId="e725c3cd5a99117f" providerId="LiveId" clId="{68EABB99-6CDE-45BA-8E65-18A74234733B}" dt="2023-02-12T23:54:45.440" v="1755" actId="478"/>
          <ac:cxnSpMkLst>
            <pc:docMk/>
            <pc:sldMk cId="2479494436" sldId="263"/>
            <ac:cxnSpMk id="108" creationId="{988776DD-E168-D225-AC92-231E976ED8FA}"/>
          </ac:cxnSpMkLst>
        </pc:cxnChg>
        <pc:cxnChg chg="add del mod">
          <ac:chgData name="Nicolas Indriets" userId="e725c3cd5a99117f" providerId="LiveId" clId="{68EABB99-6CDE-45BA-8E65-18A74234733B}" dt="2023-02-12T23:55:25.832" v="1761" actId="478"/>
          <ac:cxnSpMkLst>
            <pc:docMk/>
            <pc:sldMk cId="2479494436" sldId="263"/>
            <ac:cxnSpMk id="130" creationId="{D3FAB057-EE74-667F-C9F3-BDBDF86F7B37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39" creationId="{1588CAE9-5CFF-957A-D973-73F759992233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0" creationId="{7609B78D-2717-596C-FAA8-46B551CB86F7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1" creationId="{9EAF0C15-D13B-5BB4-569B-40FD020770F3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2" creationId="{203ED74D-B648-0116-128A-DD83556868D4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3" creationId="{0E0DBBC6-18A7-E00D-B2F8-D309EF69282B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4" creationId="{2DEA5AED-0A51-3741-6997-C09186A53144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5" creationId="{FE6497D6-868C-D6B8-BD35-5ACA0BDCDF6C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6" creationId="{507B0F26-7463-24A1-BE05-4508391657CE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147" creationId="{58CFB4C8-8B0A-A853-A493-C1D4CB037079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0" creationId="{FDBFFFF3-B8A6-2DC0-81CF-ABF8D5B02B40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1" creationId="{761EB785-019F-1F36-6562-165E3F0C4DE3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2" creationId="{C4F53BF9-C68B-F3A8-4623-813C9555606B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3" creationId="{AC4E0FD9-4C37-445F-2119-2FBC449397DF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4" creationId="{6AE66606-169C-6FF7-BE0C-0E164C8B3D9C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5" creationId="{0ADFDA48-AA33-726A-26CD-3E7CC438D0A8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6" creationId="{436CE193-A63F-6F82-F730-F392F0ED98F4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7" creationId="{242BAC22-7142-A344-CC12-BE245F96618F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8" creationId="{58097261-85C9-A00A-F9ED-9608333790CD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19" creationId="{F58F4CD8-B3DD-C630-6FB2-33BD29FEE9FF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0" creationId="{C7B6D810-59CE-E643-0E24-58FCCDB17CAF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1" creationId="{30F87F28-82C7-A42F-EEC2-D84A5CA57942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2" creationId="{7D5C260F-9F39-1AA1-8529-2DB94E614425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3" creationId="{6195847F-9741-0934-8969-5517841042F1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4" creationId="{0B19239D-A968-3939-52AC-FE8B6B17E5E5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5" creationId="{3B08A5EC-6572-EDA5-A89F-03B58FE70E23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6" creationId="{19F42574-51CA-0614-B24B-2FA3AC49F8BA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7" creationId="{B172D1C4-60E2-06A8-96D0-224D78904E48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8" creationId="{4488F068-08E8-DD04-A7FF-6F9908E913BA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29" creationId="{4B74FC17-C3DD-EAEA-5D60-D917EA22E0AC}"/>
          </ac:cxnSpMkLst>
        </pc:cxnChg>
        <pc:cxnChg chg="add del mod">
          <ac:chgData name="Nicolas Indriets" userId="e725c3cd5a99117f" providerId="LiveId" clId="{68EABB99-6CDE-45BA-8E65-18A74234733B}" dt="2023-02-12T23:55:23.296" v="1760" actId="478"/>
          <ac:cxnSpMkLst>
            <pc:docMk/>
            <pc:sldMk cId="2479494436" sldId="263"/>
            <ac:cxnSpMk id="230" creationId="{096436CA-9C51-5B85-B6E1-A86D66D74E63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3CDBC4-7254-0909-2C56-714B9EB8B19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90F2E4E8-74EB-2E05-CC03-A00FF5D037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0D250317-37D6-1CBC-0147-7988B76024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197F4A4-8E4D-2B14-B6CF-9FC4227EE2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89D4509-97D2-30A4-CEEF-7487B3CD87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49171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3564FB8-F94F-6182-D754-9A9B33B595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77FB626-4B7D-514D-C05F-B954F40C92C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09379F41-60EC-6827-B2A5-72FCBAE679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D76DC2C-B3D7-26A7-C50E-CEA9586E11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DE0C90E-C468-289B-FF35-720F8A049E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63461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677B1B5E-37E2-AAA3-FCA5-93CD29F261C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842A4376-3202-903C-8BF1-153AC10908D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F83C607-D35E-2150-3AD7-1626C96591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C905ACE-5163-157A-5C81-EBD94FCDF6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8E8E28E-4982-A721-8CAB-BAB2832358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66170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D03EC11-99B1-C6D9-28A1-1C7E1C008E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6168749B-5998-DA97-C5BB-761A950253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00C0B4D-406B-4FA1-9F50-C35F7AACC0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F0F871C-0DAB-41F4-8B58-07ACC33DF9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9233CAE-364E-1FB0-FA62-601CE2FB5E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93912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05BC31C-1BF9-D9EA-8983-306A6C5CFE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F14322C3-B393-4FCE-E8B7-8B9C29CC4E6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B8DB6D1-ADD6-C764-6177-D4950E211F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C9F375A-A8B0-4191-6BEE-EC7004967C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7C79078-BB9D-D0B6-B708-A8F2370A0D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6690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25C6A26-45A9-17D1-EB27-E824309E48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F2E2C2F-338C-F3DD-B1D9-CBDEA385D3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9F488F23-BCCC-966B-0ED9-D41C298E144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827387DD-E5B2-8DD7-A47B-CA6D274974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CD8B1AC3-9EAC-7582-6926-45C1508D27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7CE9B9FA-09A6-8456-37E9-936696DFF2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55757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629DE1A-7A17-F7E1-B558-AECEE941A6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38A9A46-B4F2-F265-EDFD-52AA5D5B7B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40F9C71D-F71C-432C-DDA6-ED0C7537137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74E1A1B7-7FE4-1699-E333-F6313676C2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5926F601-AD65-4012-61F0-F239349C8AB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2F69447B-80B3-5559-D835-3863A0F878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BBAF41D5-E6EE-DF04-8082-DEBC7123C0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32E3B754-CCB9-D472-C909-7C0090B49A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72348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74A6E10-972A-424C-E74D-360B89C50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FCA72EC4-2A5A-878A-6B2E-60A88B3D20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1EE68257-9FD7-9F3C-F7F6-B79BECABA9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B81743A4-5D8F-55A2-2EB6-B98CE706BD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552752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33A3A8D4-740D-3BB5-4BF9-A7E3991484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28C7E3D-B89C-2B3E-274D-03F3A0C6DF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AC6FC71D-327F-1858-2EA7-F6A31FD06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32642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D2D0732-93D1-2C3C-7946-DAD7456A27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E58E222-C1F0-1963-3926-A4630E7F32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EA7F956-665A-452F-0AA9-BE5928DAE75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17B96302-0651-A003-2F53-1BD0C596D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74C3C17-1421-7911-103A-6EEDA67592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BEB1215C-BFD1-B779-2D5F-BEEA793AD1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178534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087365D-0C12-8EA0-B750-ACA4297E51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F647CE98-7EBA-7082-70C7-68A5BC46790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FD97A49D-C1E7-B8BC-C752-36990A02B9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024C8D65-4179-FFB5-2B60-13E38C2A39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CF9617E1-5458-C34F-3461-0FBEF179A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73846631-885E-3605-636D-1B10975D91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793509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2A9D27EB-48B5-C93B-6E8D-0277BF72A1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GB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0ED1B1BE-5D11-BEE5-4399-414C9255CD8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GB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758E355-7B40-25FC-7B50-21D5137BC5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944196-D505-45AE-8E9D-61C662013498}" type="datetimeFigureOut">
              <a:rPr lang="en-GB" smtClean="0"/>
              <a:t>13/02/2023</a:t>
            </a:fld>
            <a:endParaRPr lang="en-GB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C1A9A8C-182A-D97F-73C6-37C4940C0E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C630A3C-22B7-94E6-B55C-67C53C2DBDD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8AB2B43-6D4F-47EB-930B-5B5CDD4CC7CE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061793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re 1">
            <a:extLst>
              <a:ext uri="{FF2B5EF4-FFF2-40B4-BE49-F238E27FC236}">
                <a16:creationId xmlns:a16="http://schemas.microsoft.com/office/drawing/2014/main" id="{79BAADD2-72E8-A2C8-2E1B-97F2E29A96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0087" y="1053548"/>
            <a:ext cx="11131826" cy="2714832"/>
          </a:xfrm>
        </p:spPr>
        <p:txBody>
          <a:bodyPr>
            <a:noAutofit/>
          </a:bodyPr>
          <a:lstStyle/>
          <a:p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Quantifying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anomalies in patients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with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neuropathologies via diffusion Magnetic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Resonance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 Imaging. (Application to Alzheimer </a:t>
            </a:r>
            <a:r>
              <a:rPr lang="fr-BE" sz="4400" b="0" i="0" dirty="0" err="1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diagnosis</a:t>
            </a:r>
            <a:r>
              <a:rPr lang="fr-BE" sz="4400" b="0" i="0" dirty="0">
                <a:solidFill>
                  <a:srgbClr val="3E3F3A"/>
                </a:solidFill>
                <a:effectLst/>
                <a:latin typeface="Roboto" panose="02000000000000000000" pitchFamily="2" charset="0"/>
              </a:rPr>
              <a:t>)</a:t>
            </a:r>
            <a:endParaRPr lang="fr-BE" sz="4400" dirty="0"/>
          </a:p>
        </p:txBody>
      </p:sp>
      <p:sp>
        <p:nvSpPr>
          <p:cNvPr id="10" name="Sous-titre 2">
            <a:extLst>
              <a:ext uri="{FF2B5EF4-FFF2-40B4-BE49-F238E27FC236}">
                <a16:creationId xmlns:a16="http://schemas.microsoft.com/office/drawing/2014/main" id="{19CBFD1A-30C7-8C1C-91AE-FA68EDB74A0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728624"/>
            <a:ext cx="9144000" cy="2590040"/>
          </a:xfrm>
        </p:spPr>
        <p:txBody>
          <a:bodyPr>
            <a:normAutofit/>
          </a:bodyPr>
          <a:lstStyle/>
          <a:p>
            <a:endParaRPr lang="fr-BE" dirty="0"/>
          </a:p>
          <a:p>
            <a:endParaRPr lang="fr-BE" dirty="0"/>
          </a:p>
          <a:p>
            <a:r>
              <a:rPr lang="fr-BE" dirty="0"/>
              <a:t>Nicolas Indriets </a:t>
            </a:r>
          </a:p>
        </p:txBody>
      </p:sp>
      <p:pic>
        <p:nvPicPr>
          <p:cNvPr id="11" name="Image 10" descr="Une image contenant texte&#10;&#10;Description générée automatiquement">
            <a:extLst>
              <a:ext uri="{FF2B5EF4-FFF2-40B4-BE49-F238E27FC236}">
                <a16:creationId xmlns:a16="http://schemas.microsoft.com/office/drawing/2014/main" id="{055FA949-0A4A-ACC4-F1DC-86E07BA34AB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0235" y="0"/>
            <a:ext cx="2671765" cy="633413"/>
          </a:xfrm>
          <a:prstGeom prst="rect">
            <a:avLst/>
          </a:prstGeom>
        </p:spPr>
      </p:pic>
      <p:pic>
        <p:nvPicPr>
          <p:cNvPr id="12" name="Image 11">
            <a:extLst>
              <a:ext uri="{FF2B5EF4-FFF2-40B4-BE49-F238E27FC236}">
                <a16:creationId xmlns:a16="http://schemas.microsoft.com/office/drawing/2014/main" id="{B8D62465-707A-5D82-CF13-9CB8E53D83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82175" cy="665922"/>
          </a:xfrm>
          <a:prstGeom prst="rect">
            <a:avLst/>
          </a:prstGeom>
        </p:spPr>
      </p:pic>
      <p:sp>
        <p:nvSpPr>
          <p:cNvPr id="13" name="Espace réservé du numéro de diapositive 3">
            <a:extLst>
              <a:ext uri="{FF2B5EF4-FFF2-40B4-BE49-F238E27FC236}">
                <a16:creationId xmlns:a16="http://schemas.microsoft.com/office/drawing/2014/main" id="{91D5D4F9-7280-E893-5CED-E1ED1C530C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1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2013792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F7E24F5-6AE9-C3A1-7929-FBA5B279E4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Preprocessing</a:t>
            </a:r>
            <a:endParaRPr lang="en-GB" dirty="0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ED390014-C6AB-A761-FD2C-F80484BDD10E}"/>
              </a:ext>
            </a:extLst>
          </p:cNvPr>
          <p:cNvSpPr txBox="1"/>
          <p:nvPr/>
        </p:nvSpPr>
        <p:spPr>
          <a:xfrm>
            <a:off x="483263" y="1660783"/>
            <a:ext cx="3205480" cy="48320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>
              <a:buAutoNum type="arabicParenR"/>
            </a:pPr>
            <a:r>
              <a:rPr lang="en-GB" sz="2800" dirty="0" err="1"/>
              <a:t>Reslicing</a:t>
            </a:r>
            <a:endParaRPr lang="en-GB" sz="2800" dirty="0"/>
          </a:p>
          <a:p>
            <a:pPr marL="342900" indent="-342900">
              <a:buAutoNum type="arabicParenR"/>
            </a:pPr>
            <a:r>
              <a:rPr lang="en-GB" sz="2800" dirty="0"/>
              <a:t>Brain extraction </a:t>
            </a:r>
          </a:p>
          <a:p>
            <a:pPr marL="342900" indent="-342900">
              <a:buAutoNum type="arabicParenR"/>
            </a:pPr>
            <a:r>
              <a:rPr lang="en-GB" sz="2800" dirty="0"/>
              <a:t>MPPCA Denoising</a:t>
            </a:r>
          </a:p>
          <a:p>
            <a:pPr marL="342900" indent="-342900">
              <a:buAutoNum type="arabicParenR"/>
            </a:pPr>
            <a:r>
              <a:rPr lang="en-GB" sz="2800" dirty="0"/>
              <a:t>Gibbs ringing correction</a:t>
            </a:r>
          </a:p>
          <a:p>
            <a:pPr marL="342900" indent="-342900">
              <a:buAutoNum type="arabicParenR"/>
            </a:pPr>
            <a:r>
              <a:rPr lang="en-GB" sz="2800" dirty="0"/>
              <a:t>Susceptibility field estimation</a:t>
            </a:r>
          </a:p>
          <a:p>
            <a:pPr marL="342900" indent="-342900">
              <a:buAutoNum type="arabicParenR"/>
            </a:pPr>
            <a:r>
              <a:rPr lang="en-GB" sz="2800" dirty="0"/>
              <a:t>Eddy and motion correction</a:t>
            </a:r>
          </a:p>
          <a:p>
            <a:pPr marL="342900" indent="-342900">
              <a:buAutoNum type="arabicParenR"/>
            </a:pPr>
            <a:r>
              <a:rPr lang="en-GB" sz="2800" dirty="0"/>
              <a:t>Bias field correction</a:t>
            </a: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44937934-8509-1EE5-F4C3-58E2991C3BB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73580" y="2062013"/>
            <a:ext cx="7969769" cy="3363894"/>
          </a:xfrm>
          <a:prstGeom prst="rect">
            <a:avLst/>
          </a:prstGeom>
        </p:spPr>
      </p:pic>
      <p:sp>
        <p:nvSpPr>
          <p:cNvPr id="3" name="Espace réservé du numéro de diapositive 3">
            <a:extLst>
              <a:ext uri="{FF2B5EF4-FFF2-40B4-BE49-F238E27FC236}">
                <a16:creationId xmlns:a16="http://schemas.microsoft.com/office/drawing/2014/main" id="{30EE80C0-D1B5-9088-0B2E-1D662A4743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2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457672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65CF74E-0670-789B-9208-A7E5839D63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Preprocessing</a:t>
            </a:r>
            <a:endParaRPr lang="en-GB" dirty="0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2FA757C1-A531-0ECF-086A-8ACBCA7F7D66}"/>
              </a:ext>
            </a:extLst>
          </p:cNvPr>
          <p:cNvSpPr>
            <a:spLocks noGrp="1"/>
          </p:cNvSpPr>
          <p:nvPr>
            <p:ph idx="1"/>
          </p:nvPr>
        </p:nvSpPr>
        <p:spPr>
          <a:xfrm flipH="1">
            <a:off x="-106680" y="5947259"/>
            <a:ext cx="6957245" cy="526808"/>
          </a:xfrm>
        </p:spPr>
        <p:txBody>
          <a:bodyPr>
            <a:normAutofit/>
          </a:bodyPr>
          <a:lstStyle/>
          <a:p>
            <a:pPr marL="0" indent="0" algn="ctr">
              <a:buNone/>
            </a:pPr>
            <a:r>
              <a:rPr lang="en-GB" sz="1800" dirty="0"/>
              <a:t>Sub-103 </a:t>
            </a:r>
            <a:r>
              <a:rPr lang="en-GB" sz="1800" dirty="0" err="1"/>
              <a:t>preprocessing</a:t>
            </a:r>
            <a:endParaRPr lang="en-GB" sz="1800" dirty="0"/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7FE1CD93-EEB3-05CE-E5FC-CCC2102E294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016" y="1690688"/>
            <a:ext cx="6009276" cy="4256571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410F72B9-DCE5-913A-42B6-E147F092D9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5292" y="1647497"/>
            <a:ext cx="5672638" cy="4338223"/>
          </a:xfrm>
          <a:prstGeom prst="rect">
            <a:avLst/>
          </a:prstGeom>
        </p:spPr>
      </p:pic>
      <p:sp>
        <p:nvSpPr>
          <p:cNvPr id="8" name="Espace réservé du contenu 2">
            <a:extLst>
              <a:ext uri="{FF2B5EF4-FFF2-40B4-BE49-F238E27FC236}">
                <a16:creationId xmlns:a16="http://schemas.microsoft.com/office/drawing/2014/main" id="{91A44EA2-B53B-782C-622F-E440E4A10A14}"/>
              </a:ext>
            </a:extLst>
          </p:cNvPr>
          <p:cNvSpPr txBox="1">
            <a:spLocks/>
          </p:cNvSpPr>
          <p:nvPr/>
        </p:nvSpPr>
        <p:spPr>
          <a:xfrm flipH="1">
            <a:off x="5383033" y="5939683"/>
            <a:ext cx="6957245" cy="52680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sz="1800" dirty="0"/>
              <a:t>Sub-106 </a:t>
            </a:r>
            <a:r>
              <a:rPr lang="en-GB" sz="1800" dirty="0" err="1"/>
              <a:t>preprocessing</a:t>
            </a:r>
            <a:endParaRPr lang="en-GB" sz="180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99C4733E-19E1-8170-3FDC-5E6D504B78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3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4775102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6FFE1CE-EFB5-35FB-EA4B-9CE13E9EA6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Preprocessing</a:t>
            </a:r>
            <a:endParaRPr lang="en-GB" dirty="0"/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234B2F76-01D5-6122-6E04-1B1E05FF22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4682331"/>
            <a:ext cx="10515600" cy="4351338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Solutions ? </a:t>
            </a:r>
          </a:p>
          <a:p>
            <a:pPr marL="0" indent="0">
              <a:buNone/>
            </a:pPr>
            <a:r>
              <a:rPr lang="en-GB" dirty="0"/>
              <a:t> - Retry </a:t>
            </a:r>
            <a:r>
              <a:rPr lang="en-GB" dirty="0" err="1"/>
              <a:t>preprocessing</a:t>
            </a:r>
            <a:r>
              <a:rPr lang="en-GB" dirty="0"/>
              <a:t> </a:t>
            </a:r>
          </a:p>
          <a:p>
            <a:pPr marL="0" indent="0">
              <a:buNone/>
            </a:pPr>
            <a:r>
              <a:rPr lang="en-GB" dirty="0"/>
              <a:t> - Use the </a:t>
            </a:r>
            <a:r>
              <a:rPr lang="en-GB" dirty="0" err="1"/>
              <a:t>reslice</a:t>
            </a:r>
            <a:r>
              <a:rPr lang="en-GB" dirty="0"/>
              <a:t> and see if it changes something </a:t>
            </a:r>
          </a:p>
          <a:p>
            <a:pPr marL="0" indent="0">
              <a:buNone/>
            </a:pPr>
            <a:r>
              <a:rPr lang="en-GB" dirty="0"/>
              <a:t> - Try to use only the brain mask and not the dilated one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D4F70E6F-F86A-6F11-53DA-80525CCAA8B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8200" y="1487038"/>
            <a:ext cx="4300330" cy="2802501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3B25DED9-3B86-33D3-D427-59A6DEE76D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1450" y="1487037"/>
            <a:ext cx="4232350" cy="2802502"/>
          </a:xfrm>
          <a:prstGeom prst="rect">
            <a:avLst/>
          </a:prstGeom>
        </p:spPr>
      </p:pic>
      <p:sp>
        <p:nvSpPr>
          <p:cNvPr id="8" name="ZoneTexte 7">
            <a:extLst>
              <a:ext uri="{FF2B5EF4-FFF2-40B4-BE49-F238E27FC236}">
                <a16:creationId xmlns:a16="http://schemas.microsoft.com/office/drawing/2014/main" id="{ADDD757F-913F-7FF6-481A-B78C706968FD}"/>
              </a:ext>
            </a:extLst>
          </p:cNvPr>
          <p:cNvSpPr txBox="1"/>
          <p:nvPr/>
        </p:nvSpPr>
        <p:spPr>
          <a:xfrm>
            <a:off x="7877188" y="4312999"/>
            <a:ext cx="272087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Brain mask dilated sub-106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id="{8B99CBD5-5647-FDFD-CB51-E4B726AB2187}"/>
              </a:ext>
            </a:extLst>
          </p:cNvPr>
          <p:cNvSpPr txBox="1"/>
          <p:nvPr/>
        </p:nvSpPr>
        <p:spPr>
          <a:xfrm>
            <a:off x="1978281" y="4312999"/>
            <a:ext cx="20201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Brain mask sub-106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458A743D-E783-A6A2-8E48-50D712A979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4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352473104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1">
            <a:extLst>
              <a:ext uri="{FF2B5EF4-FFF2-40B4-BE49-F238E27FC236}">
                <a16:creationId xmlns:a16="http://schemas.microsoft.com/office/drawing/2014/main" id="{0360A035-0B92-2C96-709F-EA4A2B98F308}"/>
              </a:ext>
            </a:extLst>
          </p:cNvPr>
          <p:cNvSpPr txBox="1">
            <a:spLocks/>
          </p:cNvSpPr>
          <p:nvPr/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Following steps</a:t>
            </a:r>
          </a:p>
        </p:txBody>
      </p:sp>
      <p:sp>
        <p:nvSpPr>
          <p:cNvPr id="5" name="Espace réservé du contenu 2">
            <a:extLst>
              <a:ext uri="{FF2B5EF4-FFF2-40B4-BE49-F238E27FC236}">
                <a16:creationId xmlns:a16="http://schemas.microsoft.com/office/drawing/2014/main" id="{575A6F0E-9601-80E5-9867-8D6E43EFB171}"/>
              </a:ext>
            </a:extLst>
          </p:cNvPr>
          <p:cNvSpPr txBox="1">
            <a:spLocks/>
          </p:cNvSpPr>
          <p:nvPr/>
        </p:nvSpPr>
        <p:spPr>
          <a:xfrm>
            <a:off x="838200" y="1745616"/>
            <a:ext cx="10515600" cy="1246062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White matter mask -&gt; Done</a:t>
            </a:r>
          </a:p>
          <a:p>
            <a:r>
              <a:rPr lang="en-GB" dirty="0"/>
              <a:t>DTI, Diamond and ODF models -&gt; Done </a:t>
            </a:r>
          </a:p>
          <a:p>
            <a:r>
              <a:rPr lang="en-GB" dirty="0" err="1"/>
              <a:t>Noddi</a:t>
            </a:r>
            <a:r>
              <a:rPr lang="en-GB" dirty="0"/>
              <a:t> and MF -&gt; in progress </a:t>
            </a:r>
          </a:p>
        </p:txBody>
      </p:sp>
      <p:sp>
        <p:nvSpPr>
          <p:cNvPr id="7" name="Espace réservé du numéro de diapositive 3">
            <a:extLst>
              <a:ext uri="{FF2B5EF4-FFF2-40B4-BE49-F238E27FC236}">
                <a16:creationId xmlns:a16="http://schemas.microsoft.com/office/drawing/2014/main" id="{CD81BFF6-5D59-35C5-41B5-7DB28A77A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5</a:t>
            </a:fld>
            <a:endParaRPr lang="fr-FR" sz="2000" dirty="0"/>
          </a:p>
        </p:txBody>
      </p:sp>
      <p:pic>
        <p:nvPicPr>
          <p:cNvPr id="9" name="Image 8">
            <a:extLst>
              <a:ext uri="{FF2B5EF4-FFF2-40B4-BE49-F238E27FC236}">
                <a16:creationId xmlns:a16="http://schemas.microsoft.com/office/drawing/2014/main" id="{315BE166-ED67-B887-60ED-1F0D55C396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214389"/>
            <a:ext cx="12192000" cy="2337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6229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87A504C-921E-3CC1-BD3D-C4AAA6228B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TI and Diamond 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F807468-D469-A289-2DDC-B75CAAE8DD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687" y="1361384"/>
            <a:ext cx="10515600" cy="192142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1800" dirty="0"/>
              <a:t>Reminder about metrics : </a:t>
            </a:r>
          </a:p>
          <a:p>
            <a:pPr marL="0" indent="0">
              <a:buNone/>
            </a:pPr>
            <a:r>
              <a:rPr lang="en-GB" sz="1800" dirty="0"/>
              <a:t>-   Mean diffusivity : indicator of white matter damage</a:t>
            </a:r>
          </a:p>
          <a:p>
            <a:pPr>
              <a:buFontTx/>
              <a:buChar char="-"/>
            </a:pPr>
            <a:r>
              <a:rPr lang="en-GB" sz="1800" dirty="0"/>
              <a:t>Axial diffusivity : may reflect axonal degeneration or deletion</a:t>
            </a:r>
          </a:p>
          <a:p>
            <a:pPr>
              <a:buFontTx/>
              <a:buChar char="-"/>
            </a:pPr>
            <a:r>
              <a:rPr lang="en-GB" sz="1800" dirty="0"/>
              <a:t>Radial diffusivity : may reflect myelin disruption</a:t>
            </a:r>
          </a:p>
          <a:p>
            <a:pPr>
              <a:buFontTx/>
              <a:buChar char="-"/>
            </a:pPr>
            <a:r>
              <a:rPr lang="en-GB" sz="1800" dirty="0"/>
              <a:t>Fractional anisotropy : indirect indicator of axonal integrity and indicator of packing of </a:t>
            </a:r>
            <a:r>
              <a:rPr lang="en-GB" sz="1800" dirty="0" err="1"/>
              <a:t>fibers</a:t>
            </a:r>
            <a:r>
              <a:rPr lang="en-GB" sz="1800" dirty="0"/>
              <a:t> in a voxel 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BAC42DBB-F960-F93E-6A82-2E01A3A849E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12000" y="3259067"/>
            <a:ext cx="2768000" cy="3210064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7E69330C-BD8C-34B3-AA3D-3DAB079F271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2108" y="3259067"/>
            <a:ext cx="2851970" cy="3210064"/>
          </a:xfrm>
          <a:prstGeom prst="rect">
            <a:avLst/>
          </a:prstGeom>
        </p:spPr>
      </p:pic>
      <p:pic>
        <p:nvPicPr>
          <p:cNvPr id="9" name="Image 8">
            <a:extLst>
              <a:ext uri="{FF2B5EF4-FFF2-40B4-BE49-F238E27FC236}">
                <a16:creationId xmlns:a16="http://schemas.microsoft.com/office/drawing/2014/main" id="{7F3EE761-F6A5-D6BC-B8FC-32C8AD1991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07922" y="3259067"/>
            <a:ext cx="2969810" cy="3210064"/>
          </a:xfrm>
          <a:prstGeom prst="rect">
            <a:avLst/>
          </a:prstGeom>
        </p:spPr>
      </p:pic>
      <p:sp>
        <p:nvSpPr>
          <p:cNvPr id="10" name="ZoneTexte 9">
            <a:extLst>
              <a:ext uri="{FF2B5EF4-FFF2-40B4-BE49-F238E27FC236}">
                <a16:creationId xmlns:a16="http://schemas.microsoft.com/office/drawing/2014/main" id="{1D477BAF-DAFB-D884-F46C-BFA2019D411A}"/>
              </a:ext>
            </a:extLst>
          </p:cNvPr>
          <p:cNvSpPr txBox="1"/>
          <p:nvPr/>
        </p:nvSpPr>
        <p:spPr>
          <a:xfrm>
            <a:off x="997687" y="6451876"/>
            <a:ext cx="25208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FA from DTI sub-103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B1F7CC20-C206-FE3E-AC99-ABDDB91EE0A0}"/>
              </a:ext>
            </a:extLst>
          </p:cNvPr>
          <p:cNvSpPr txBox="1"/>
          <p:nvPr/>
        </p:nvSpPr>
        <p:spPr>
          <a:xfrm>
            <a:off x="4835594" y="6471413"/>
            <a:ext cx="25208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Tensor field t0 sub-103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C82AD66B-A2AE-4E14-CBEF-BB1C8D10772E}"/>
              </a:ext>
            </a:extLst>
          </p:cNvPr>
          <p:cNvSpPr txBox="1"/>
          <p:nvPr/>
        </p:nvSpPr>
        <p:spPr>
          <a:xfrm>
            <a:off x="8360772" y="6469131"/>
            <a:ext cx="32641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t0_FA from DIAMOND sub-103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B2C31E6C-C40E-EF2C-124D-D6A4538509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6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793137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528A3D4-D1DC-4296-B8ED-1116ABA00C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tlas mapping in progress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8A28EAB-DB5E-2ECA-63B5-70246E954A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4528" y="6118703"/>
            <a:ext cx="4435608" cy="556417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1800" dirty="0"/>
              <a:t> Sub-009 FA with </a:t>
            </a:r>
            <a:r>
              <a:rPr lang="en-GB" sz="1800" dirty="0" err="1"/>
              <a:t>ponto</a:t>
            </a:r>
            <a:r>
              <a:rPr lang="en-GB" sz="1800" dirty="0"/>
              <a:t>-cortico-cerebellum 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83BC4C83-8BBA-F98C-72C7-BE24E55758B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49924" y="1748424"/>
            <a:ext cx="3582796" cy="4277215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88D61C9F-BAD5-1005-B0EA-ED6606D3E0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12586" y="1783752"/>
            <a:ext cx="3999493" cy="4241887"/>
          </a:xfrm>
          <a:prstGeom prst="rect">
            <a:avLst/>
          </a:prstGeom>
        </p:spPr>
      </p:pic>
      <p:sp>
        <p:nvSpPr>
          <p:cNvPr id="8" name="Espace réservé du contenu 2">
            <a:extLst>
              <a:ext uri="{FF2B5EF4-FFF2-40B4-BE49-F238E27FC236}">
                <a16:creationId xmlns:a16="http://schemas.microsoft.com/office/drawing/2014/main" id="{6581228B-603C-6E55-95FC-452ABD6A0CE9}"/>
              </a:ext>
            </a:extLst>
          </p:cNvPr>
          <p:cNvSpPr txBox="1">
            <a:spLocks/>
          </p:cNvSpPr>
          <p:nvPr/>
        </p:nvSpPr>
        <p:spPr>
          <a:xfrm>
            <a:off x="6201633" y="6118703"/>
            <a:ext cx="4679378" cy="40984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GB" sz="1800" dirty="0"/>
              <a:t> Average brain with </a:t>
            </a:r>
            <a:r>
              <a:rPr lang="en-GB" sz="1800" dirty="0" err="1"/>
              <a:t>ponto</a:t>
            </a:r>
            <a:r>
              <a:rPr lang="en-GB" sz="1800" dirty="0"/>
              <a:t>-cortico-cerebellum 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E978C7A5-92A3-32EC-9A0B-292CCEFD23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7</a:t>
            </a:fld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991615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51290A5-4C63-8EFA-F3B1-E3FF46C938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</a:t>
            </a:r>
          </a:p>
        </p:txBody>
      </p:sp>
      <p:sp>
        <p:nvSpPr>
          <p:cNvPr id="47" name="Espace réservé du numéro de diapositive 3">
            <a:extLst>
              <a:ext uri="{FF2B5EF4-FFF2-40B4-BE49-F238E27FC236}">
                <a16:creationId xmlns:a16="http://schemas.microsoft.com/office/drawing/2014/main" id="{A10A1C18-5C9B-D2AB-12F7-F58595046F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72600" y="6452760"/>
            <a:ext cx="2743200" cy="365125"/>
          </a:xfrm>
        </p:spPr>
        <p:txBody>
          <a:bodyPr/>
          <a:lstStyle/>
          <a:p>
            <a:fld id="{27C6CCC6-2BE5-4E42-96A4-D1E8E81A3D8E}" type="slidenum">
              <a:rPr lang="fr-FR" sz="2000" smtClean="0"/>
              <a:t>8</a:t>
            </a:fld>
            <a:endParaRPr lang="fr-FR" sz="2000" dirty="0"/>
          </a:p>
        </p:txBody>
      </p:sp>
      <p:sp>
        <p:nvSpPr>
          <p:cNvPr id="98" name="OTLSHAPE_TB_00000000000000000000000000000000_RightEndCaps">
            <a:extLst>
              <a:ext uri="{FF2B5EF4-FFF2-40B4-BE49-F238E27FC236}">
                <a16:creationId xmlns:a16="http://schemas.microsoft.com/office/drawing/2014/main" id="{77849A59-4EBE-8AF8-3464-70465A0CF52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1281097" y="465069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0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99" name="OTLSHAPE_M_a82f9c56057443529454d2870620da54_Connector1">
            <a:extLst>
              <a:ext uri="{FF2B5EF4-FFF2-40B4-BE49-F238E27FC236}">
                <a16:creationId xmlns:a16="http://schemas.microsoft.com/office/drawing/2014/main" id="{E5F60059-AC60-9ECB-848A-69B64D94659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032746" y="4168204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9394c5d34ae24214b2eb6516f65d8a0e_Connector1">
            <a:extLst>
              <a:ext uri="{FF2B5EF4-FFF2-40B4-BE49-F238E27FC236}">
                <a16:creationId xmlns:a16="http://schemas.microsoft.com/office/drawing/2014/main" id="{C74A4CFE-15DD-D589-6A2B-DC61944E233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093867" y="4168204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M_8cc871afcdec4d4584542d71f74288dc_Connector1">
            <a:extLst>
              <a:ext uri="{FF2B5EF4-FFF2-40B4-BE49-F238E27FC236}">
                <a16:creationId xmlns:a16="http://schemas.microsoft.com/office/drawing/2014/main" id="{E293C97F-798F-167B-75AC-A4899ACC50E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752818" y="4168204"/>
            <a:ext cx="0" cy="448522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B_00000000000000000000000000000000_ScaleContainer">
            <a:extLst>
              <a:ext uri="{FF2B5EF4-FFF2-40B4-BE49-F238E27FC236}">
                <a16:creationId xmlns:a16="http://schemas.microsoft.com/office/drawing/2014/main" id="{FFE854CC-D4F9-5CA4-FC45-F162FDB913B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96595" y="4616726"/>
            <a:ext cx="10668000" cy="254000"/>
          </a:xfrm>
          <a:prstGeom prst="round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3" name="OTLSHAPE_TB_00000000000000000000000000000000_ElapsedTime">
            <a:extLst>
              <a:ext uri="{FF2B5EF4-FFF2-40B4-BE49-F238E27FC236}">
                <a16:creationId xmlns:a16="http://schemas.microsoft.com/office/drawing/2014/main" id="{8546692D-8318-6EB0-7B6D-FCD2128107D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96595" y="4819926"/>
            <a:ext cx="373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B_00000000000000000000000000000000_TodayMarkerShape">
            <a:extLst>
              <a:ext uri="{FF2B5EF4-FFF2-40B4-BE49-F238E27FC236}">
                <a16:creationId xmlns:a16="http://schemas.microsoft.com/office/drawing/2014/main" id="{CB31FBC4-E036-6DDF-341B-73A861C9835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183514" y="487072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B_00000000000000000000000000000000_TodayMarkerText">
            <a:extLst>
              <a:ext uri="{FF2B5EF4-FFF2-40B4-BE49-F238E27FC236}">
                <a16:creationId xmlns:a16="http://schemas.microsoft.com/office/drawing/2014/main" id="{4FDFC9E0-2571-95C5-28B2-DC25EB700A7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039671" y="495539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06" name="OTLSHAPE_TB_00000000000000000000000000000000_TimescaleInterval1">
            <a:extLst>
              <a:ext uri="{FF2B5EF4-FFF2-40B4-BE49-F238E27FC236}">
                <a16:creationId xmlns:a16="http://schemas.microsoft.com/office/drawing/2014/main" id="{587317AF-1B68-DD6C-98C1-515C10D9CB8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60095" y="465069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07" name="OTLSHAPE_TB_00000000000000000000000000000000_TimescaleInterval2">
            <a:extLst>
              <a:ext uri="{FF2B5EF4-FFF2-40B4-BE49-F238E27FC236}">
                <a16:creationId xmlns:a16="http://schemas.microsoft.com/office/drawing/2014/main" id="{B4896A84-03F6-4F6E-B288-C902D6424D0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118504" y="465069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8" name="OTLSHAPE_TB_00000000000000000000000000000000_TimescaleInterval3">
            <a:extLst>
              <a:ext uri="{FF2B5EF4-FFF2-40B4-BE49-F238E27FC236}">
                <a16:creationId xmlns:a16="http://schemas.microsoft.com/office/drawing/2014/main" id="{AE7BC267-E486-6814-FAFF-75CCECB5FC2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676912" y="4650698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9" name="OTLSHAPE_TB_00000000000000000000000000000000_TimescaleInterval4">
            <a:extLst>
              <a:ext uri="{FF2B5EF4-FFF2-40B4-BE49-F238E27FC236}">
                <a16:creationId xmlns:a16="http://schemas.microsoft.com/office/drawing/2014/main" id="{A5ADF738-06C7-FDCE-3810-39DAC4CC285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084507" y="4650698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0" name="OTLSHAPE_TB_00000000000000000000000000000000_TimescaleInterval5">
            <a:extLst>
              <a:ext uri="{FF2B5EF4-FFF2-40B4-BE49-F238E27FC236}">
                <a16:creationId xmlns:a16="http://schemas.microsoft.com/office/drawing/2014/main" id="{40084F95-C2A6-E2D6-6069-DA00E8276D6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642915" y="4650698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1" name="OTLSHAPE_TB_00000000000000000000000000000000_TimescaleInterval6">
            <a:extLst>
              <a:ext uri="{FF2B5EF4-FFF2-40B4-BE49-F238E27FC236}">
                <a16:creationId xmlns:a16="http://schemas.microsoft.com/office/drawing/2014/main" id="{35508243-1843-562C-0788-D6E1BAF23B8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151052" y="465069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2" name="OTLSHAPE_TB_00000000000000000000000000000000_TimescaleInterval7">
            <a:extLst>
              <a:ext uri="{FF2B5EF4-FFF2-40B4-BE49-F238E27FC236}">
                <a16:creationId xmlns:a16="http://schemas.microsoft.com/office/drawing/2014/main" id="{CD29ECD5-97CC-3C42-A424-EF9B55889C7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709460" y="4650698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13" name="OTLSHAPE_TB_00000000000000000000000000000000_ScaleMarking1">
            <a:extLst>
              <a:ext uri="{FF2B5EF4-FFF2-40B4-BE49-F238E27FC236}">
                <a16:creationId xmlns:a16="http://schemas.microsoft.com/office/drawing/2014/main" id="{70ADD931-BE6A-1352-63F3-D2D0A9668C9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60095" y="443067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4" name="OTLSHAPE_TB_00000000000000000000000000000000_ScaleMarking2">
            <a:extLst>
              <a:ext uri="{FF2B5EF4-FFF2-40B4-BE49-F238E27FC236}">
                <a16:creationId xmlns:a16="http://schemas.microsoft.com/office/drawing/2014/main" id="{75123CFC-D571-2881-8AA6-A4110D7B1E67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118504" y="443067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15" name="OTLSHAPE_TB_00000000000000000000000000000000_Separator1">
            <a:extLst>
              <a:ext uri="{FF2B5EF4-FFF2-40B4-BE49-F238E27FC236}">
                <a16:creationId xmlns:a16="http://schemas.microsoft.com/office/drawing/2014/main" id="{CCA9BCFB-1056-30D5-40D2-26C9527D5F8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055003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Separator2">
            <a:extLst>
              <a:ext uri="{FF2B5EF4-FFF2-40B4-BE49-F238E27FC236}">
                <a16:creationId xmlns:a16="http://schemas.microsoft.com/office/drawing/2014/main" id="{589AF3EB-2932-0256-9527-F77E53F6A4C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613411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Separator3">
            <a:extLst>
              <a:ext uri="{FF2B5EF4-FFF2-40B4-BE49-F238E27FC236}">
                <a16:creationId xmlns:a16="http://schemas.microsoft.com/office/drawing/2014/main" id="{D58F41D7-3EA1-9B1D-E45C-44C64B55570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021006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4">
            <a:extLst>
              <a:ext uri="{FF2B5EF4-FFF2-40B4-BE49-F238E27FC236}">
                <a16:creationId xmlns:a16="http://schemas.microsoft.com/office/drawing/2014/main" id="{1EED4F5E-68C4-0943-1E0D-9ABE6B0CEFE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579414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Separator5">
            <a:extLst>
              <a:ext uri="{FF2B5EF4-FFF2-40B4-BE49-F238E27FC236}">
                <a16:creationId xmlns:a16="http://schemas.microsoft.com/office/drawing/2014/main" id="{68C3B2FD-81F4-4559-D6F1-8B87BE31F19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087552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Separator6">
            <a:extLst>
              <a:ext uri="{FF2B5EF4-FFF2-40B4-BE49-F238E27FC236}">
                <a16:creationId xmlns:a16="http://schemas.microsoft.com/office/drawing/2014/main" id="{D23E8574-2DA6-A9AA-7642-847A9C6EA41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645960" y="4654826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T_252e96058a3546e0b06f0e93390d2b22_Shape">
            <a:extLst>
              <a:ext uri="{FF2B5EF4-FFF2-40B4-BE49-F238E27FC236}">
                <a16:creationId xmlns:a16="http://schemas.microsoft.com/office/drawing/2014/main" id="{66CD10C4-8589-84B6-4A53-44915ACB03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99850" y="2513818"/>
            <a:ext cx="3924300" cy="155025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2" name="OTLSHAPE_T_d041283d8f3c4122b11f3269142dbb8d_Shape">
            <a:extLst>
              <a:ext uri="{FF2B5EF4-FFF2-40B4-BE49-F238E27FC236}">
                <a16:creationId xmlns:a16="http://schemas.microsoft.com/office/drawing/2014/main" id="{EB360AE4-CA6B-AA3C-C301-7C3F68E7403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266938" y="2761849"/>
            <a:ext cx="17653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T_966516fbb7fe42e78d38d95e46a17583_Shape">
            <a:extLst>
              <a:ext uri="{FF2B5EF4-FFF2-40B4-BE49-F238E27FC236}">
                <a16:creationId xmlns:a16="http://schemas.microsoft.com/office/drawing/2014/main" id="{04107784-8BF1-FC98-1E19-B540BCFFB8B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298043" y="2995867"/>
            <a:ext cx="17272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T_a5c61adb4e234cd6a6999ae92167f5da_Shape">
            <a:extLst>
              <a:ext uri="{FF2B5EF4-FFF2-40B4-BE49-F238E27FC236}">
                <a16:creationId xmlns:a16="http://schemas.microsoft.com/office/drawing/2014/main" id="{04E52612-9E54-5434-0EF0-13AF3DBFBAF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579415" y="3463905"/>
            <a:ext cx="146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T_9a89dfc018eb4789afe97a441c86fe54_Shape">
            <a:extLst>
              <a:ext uri="{FF2B5EF4-FFF2-40B4-BE49-F238E27FC236}">
                <a16:creationId xmlns:a16="http://schemas.microsoft.com/office/drawing/2014/main" id="{2E6FFFD7-CEA3-2DF0-8C05-4A7B676DC4D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976160" y="3697923"/>
            <a:ext cx="37719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T_5cb93c42c4ca4be89de13d38ebfbf34b_Shape">
            <a:extLst>
              <a:ext uri="{FF2B5EF4-FFF2-40B4-BE49-F238E27FC236}">
                <a16:creationId xmlns:a16="http://schemas.microsoft.com/office/drawing/2014/main" id="{7458661F-4309-E40C-D70F-40BCC8FFF1C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026396" y="3229886"/>
            <a:ext cx="558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252e96058a3546e0b06f0e93390d2b22_Title">
            <a:extLst>
              <a:ext uri="{FF2B5EF4-FFF2-40B4-BE49-F238E27FC236}">
                <a16:creationId xmlns:a16="http://schemas.microsoft.com/office/drawing/2014/main" id="{632DCAAD-DC5C-C54A-2F37-DB1A5CF29E3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071772" y="250607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Preprocessing</a:t>
            </a:r>
            <a:endParaRPr lang="en-GB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252e96058a3546e0b06f0e93390d2b22_JoinedDate">
            <a:extLst>
              <a:ext uri="{FF2B5EF4-FFF2-40B4-BE49-F238E27FC236}">
                <a16:creationId xmlns:a16="http://schemas.microsoft.com/office/drawing/2014/main" id="{8568210B-979C-8163-2C2B-274AB6EF1E7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64065" y="251381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Dec 13 - Feb 28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d041283d8f3c4122b11f3269142dbb8d_Title">
            <a:extLst>
              <a:ext uri="{FF2B5EF4-FFF2-40B4-BE49-F238E27FC236}">
                <a16:creationId xmlns:a16="http://schemas.microsoft.com/office/drawing/2014/main" id="{1E044A00-5A98-66E5-D833-7FF05E76FCD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071611" y="274008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te of the art writing</a:t>
            </a:r>
            <a:endParaRPr lang="en-GB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d041283d8f3c4122b11f3269142dbb8d_JoinedDate">
            <a:extLst>
              <a:ext uri="{FF2B5EF4-FFF2-40B4-BE49-F238E27FC236}">
                <a16:creationId xmlns:a16="http://schemas.microsoft.com/office/drawing/2014/main" id="{A8539F58-40E5-9AEA-BE94-3A6EF47073A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04820" y="274783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13 - Mar 20</a:t>
            </a:r>
          </a:p>
        </p:txBody>
      </p:sp>
      <p:sp>
        <p:nvSpPr>
          <p:cNvPr id="131" name="OTLSHAPE_T_966516fbb7fe42e78d38d95e46a17583_Title">
            <a:extLst>
              <a:ext uri="{FF2B5EF4-FFF2-40B4-BE49-F238E27FC236}">
                <a16:creationId xmlns:a16="http://schemas.microsoft.com/office/drawing/2014/main" id="{DB4BF57D-2600-AD2C-EF59-D0CA6A4DECA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073426" y="2974108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of the microstructure of the CB </a:t>
            </a:r>
            <a:endParaRPr lang="en-GB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966516fbb7fe42e78d38d95e46a17583_JoinedDate">
            <a:extLst>
              <a:ext uri="{FF2B5EF4-FFF2-40B4-BE49-F238E27FC236}">
                <a16:creationId xmlns:a16="http://schemas.microsoft.com/office/drawing/2014/main" id="{FE278F0B-7EB0-F2E0-47DA-48BF01FB490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435925" y="2982423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13 - Mar 20</a:t>
            </a:r>
          </a:p>
        </p:txBody>
      </p:sp>
      <p:sp>
        <p:nvSpPr>
          <p:cNvPr id="133" name="OTLSHAPE_T_a5c61adb4e234cd6a6999ae92167f5da_Title">
            <a:extLst>
              <a:ext uri="{FF2B5EF4-FFF2-40B4-BE49-F238E27FC236}">
                <a16:creationId xmlns:a16="http://schemas.microsoft.com/office/drawing/2014/main" id="{D2C39A78-EF4F-C77D-C4C0-0EE81D848E4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089617" y="344214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38">
                <a:solidFill>
                  <a:schemeClr val="dk1"/>
                </a:solidFill>
                <a:latin typeface="Calibri" panose="020F0502020204030204" pitchFamily="34" charset="0"/>
              </a:rPr>
              <a:t>Comparison with PET tau</a:t>
            </a:r>
          </a:p>
          <a:p>
            <a:endParaRPr lang="en-GB" sz="1100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a5c61adb4e234cd6a6999ae92167f5da_JoinedDate">
            <a:extLst>
              <a:ext uri="{FF2B5EF4-FFF2-40B4-BE49-F238E27FC236}">
                <a16:creationId xmlns:a16="http://schemas.microsoft.com/office/drawing/2014/main" id="{186E04E3-2B33-8D6E-89CB-768C467EDC5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812800" y="344989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30</a:t>
            </a:r>
          </a:p>
        </p:txBody>
      </p:sp>
      <p:sp>
        <p:nvSpPr>
          <p:cNvPr id="135" name="OTLSHAPE_T_9a89dfc018eb4789afe97a441c86fe54_Title">
            <a:extLst>
              <a:ext uri="{FF2B5EF4-FFF2-40B4-BE49-F238E27FC236}">
                <a16:creationId xmlns:a16="http://schemas.microsoft.com/office/drawing/2014/main" id="{19E81998-C0EB-7C7C-2E2E-DF5B37BE283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797268" y="3676164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ing of the master thesis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9a89dfc018eb4789afe97a441c86fe54_JoinedDate">
            <a:extLst>
              <a:ext uri="{FF2B5EF4-FFF2-40B4-BE49-F238E27FC236}">
                <a16:creationId xmlns:a16="http://schemas.microsoft.com/office/drawing/2014/main" id="{A6BEF51B-1618-B8B3-A23B-481A78BF240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190877" y="368391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Jun 2</a:t>
            </a:r>
          </a:p>
        </p:txBody>
      </p:sp>
      <p:sp>
        <p:nvSpPr>
          <p:cNvPr id="137" name="OTLSHAPE_T_5cb93c42c4ca4be89de13d38ebfbf34b_JoinedDate">
            <a:extLst>
              <a:ext uri="{FF2B5EF4-FFF2-40B4-BE49-F238E27FC236}">
                <a16:creationId xmlns:a16="http://schemas.microsoft.com/office/drawing/2014/main" id="{C2225F60-E87C-48BF-A3C8-B961914F995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136973" y="321587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31</a:t>
            </a:r>
          </a:p>
        </p:txBody>
      </p:sp>
      <p:sp>
        <p:nvSpPr>
          <p:cNvPr id="138" name="OTLSHAPE_T_5cb93c42c4ca4be89de13d38ebfbf34b_Title">
            <a:extLst>
              <a:ext uri="{FF2B5EF4-FFF2-40B4-BE49-F238E27FC236}">
                <a16:creationId xmlns:a16="http://schemas.microsoft.com/office/drawing/2014/main" id="{4DAB4ECE-081A-9B77-2D21-1EB9AB63E7F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630180" y="3208127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mparison with the literature</a:t>
            </a:r>
          </a:p>
        </p:txBody>
      </p:sp>
      <p:sp>
        <p:nvSpPr>
          <p:cNvPr id="139" name="OTLSHAPE_M_a82f9c56057443529454d2870620da54_Shape">
            <a:extLst>
              <a:ext uri="{FF2B5EF4-FFF2-40B4-BE49-F238E27FC236}">
                <a16:creationId xmlns:a16="http://schemas.microsoft.com/office/drawing/2014/main" id="{4FE2A244-4666-36BE-9CBD-4B6E679D0E8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6058146" y="4168204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M_9394c5d34ae24214b2eb6516f65d8a0e_Shape">
            <a:extLst>
              <a:ext uri="{FF2B5EF4-FFF2-40B4-BE49-F238E27FC236}">
                <a16:creationId xmlns:a16="http://schemas.microsoft.com/office/drawing/2014/main" id="{0CAD99A4-F6D1-B7BA-DB91-7F85727B420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8119267" y="4168204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M_8cc871afcdec4d4584542d71f74288dc_Shape">
            <a:extLst>
              <a:ext uri="{FF2B5EF4-FFF2-40B4-BE49-F238E27FC236}">
                <a16:creationId xmlns:a16="http://schemas.microsoft.com/office/drawing/2014/main" id="{6CAE5BFC-CAA8-F01B-606F-43146F656D1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9778218" y="4168204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" name="OTLSHAPE_M_a82f9c56057443529454d2870620da54_Title">
            <a:extLst>
              <a:ext uri="{FF2B5EF4-FFF2-40B4-BE49-F238E27FC236}">
                <a16:creationId xmlns:a16="http://schemas.microsoft.com/office/drawing/2014/main" id="{7BB405DE-78F5-17F9-9B1D-A6C6AF4CF92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254996" y="404988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te of the art </a:t>
            </a:r>
          </a:p>
        </p:txBody>
      </p:sp>
      <p:sp>
        <p:nvSpPr>
          <p:cNvPr id="143" name="OTLSHAPE_M_a82f9c56057443529454d2870620da54_Date">
            <a:extLst>
              <a:ext uri="{FF2B5EF4-FFF2-40B4-BE49-F238E27FC236}">
                <a16:creationId xmlns:a16="http://schemas.microsoft.com/office/drawing/2014/main" id="{4CE3484F-F63D-367D-9895-D8FD72B2F1B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254996" y="424580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144" name="OTLSHAPE_M_9394c5d34ae24214b2eb6516f65d8a0e_Title">
            <a:extLst>
              <a:ext uri="{FF2B5EF4-FFF2-40B4-BE49-F238E27FC236}">
                <a16:creationId xmlns:a16="http://schemas.microsoft.com/office/drawing/2014/main" id="{53691589-83F5-EEE0-0B86-7CE0FEBC886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316117" y="4049883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sis</a:t>
            </a:r>
          </a:p>
        </p:txBody>
      </p:sp>
      <p:sp>
        <p:nvSpPr>
          <p:cNvPr id="145" name="OTLSHAPE_M_9394c5d34ae24214b2eb6516f65d8a0e_Date">
            <a:extLst>
              <a:ext uri="{FF2B5EF4-FFF2-40B4-BE49-F238E27FC236}">
                <a16:creationId xmlns:a16="http://schemas.microsoft.com/office/drawing/2014/main" id="{549245B7-87C3-A058-F83A-47F15FEADFD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316117" y="424580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</a:p>
        </p:txBody>
      </p:sp>
      <p:sp>
        <p:nvSpPr>
          <p:cNvPr id="146" name="OTLSHAPE_M_8cc871afcdec4d4584542d71f74288dc_Title">
            <a:extLst>
              <a:ext uri="{FF2B5EF4-FFF2-40B4-BE49-F238E27FC236}">
                <a16:creationId xmlns:a16="http://schemas.microsoft.com/office/drawing/2014/main" id="{EEDC807D-0614-4941-3B5D-D3BC9A91848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75068" y="4049883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aster thesis complete</a:t>
            </a:r>
          </a:p>
        </p:txBody>
      </p:sp>
      <p:sp>
        <p:nvSpPr>
          <p:cNvPr id="147" name="OTLSHAPE_M_8cc871afcdec4d4584542d71f74288dc_Date">
            <a:extLst>
              <a:ext uri="{FF2B5EF4-FFF2-40B4-BE49-F238E27FC236}">
                <a16:creationId xmlns:a16="http://schemas.microsoft.com/office/drawing/2014/main" id="{A7B0E338-C81E-3B3F-CD19-7190B6C43C9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975068" y="42458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</a:t>
            </a:r>
          </a:p>
        </p:txBody>
      </p:sp>
    </p:spTree>
    <p:extLst>
      <p:ext uri="{BB962C8B-B14F-4D97-AF65-F5344CB8AC3E}">
        <p14:creationId xmlns:p14="http://schemas.microsoft.com/office/powerpoint/2010/main" val="24794944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2-12-13T00:00:00.0000000Z"/>
  <p:tag name="OTLENDDATE" val="2023-02-28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3-02-14T00:00:00.0000000Z"/>
  <p:tag name="OTLENDDATE" val="2023-03-20T21:1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WEEKNUMBERINGFORMAT" val="WNFormat1"/>
  <p:tag name="OTLWEEKNUMBERINGISVISIBLE" val="False"/>
  <p:tag name="OTLSHAPETHICKNESSTYPE" val="Thin"/>
  <p:tag name="OTLSTARTDATE" val="2023-02-14T14:51:00.0000000Z"/>
  <p:tag name="OTLENDDATE" val="2023-03-20T22:11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4-01T00:00:00.0000000Z"/>
  <p:tag name="OTLENDDATE" val="2023-04-30T00:44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0T00:00:00.0000000Z"/>
  <p:tag name="OTLENDDATE" val="2023-06-02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0T23:59:00.0000000Z"/>
  <p:tag name="OTLENDDATE" val="2023-03-31T23:59:00.0000000Z"/>
  <p:tag name="OTLDURATIONFORMAT" val="day"/>
  <p:tag name="OTLSPACING" val="5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te of the art "/>
  <p:tag name="OTLDATE" val="2023-03-20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sis"/>
  <p:tag name="OTLDATE" val="2023-04-30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ster thesis complete"/>
  <p:tag name="OTLDATE" val="2023-06-02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HAPETYPE" val="RoundedCornerRectangleTimeband"/>
  <p:tag name="OTLTIMEBANDSHAPEHEIGHT" val="20"/>
  <p:tag name="OTLTIMEBANDSHAPEPADDINGLEFT" val="0"/>
  <p:tag name="OTLTIMEBANDDEPENABLED" val="False"/>
  <p:tag name="OTLTIMEBANDENDDATE" val="2023-06-02T23:59:00.0000000"/>
  <p:tag name="OTLTIMEBANDSCALETYPE" val="Months"/>
  <p:tag name="OTLTIMEBANDSCALEFORMAT" val="MMM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76</TotalTime>
  <Words>271</Words>
  <Application>Microsoft Office PowerPoint</Application>
  <PresentationFormat>Grand écran</PresentationFormat>
  <Paragraphs>76</Paragraphs>
  <Slides>8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3" baseType="lpstr">
      <vt:lpstr>Arial</vt:lpstr>
      <vt:lpstr>Calibri</vt:lpstr>
      <vt:lpstr>Calibri Light</vt:lpstr>
      <vt:lpstr>Roboto</vt:lpstr>
      <vt:lpstr>Thème Office</vt:lpstr>
      <vt:lpstr>Quantifying anomalies in patients with neuropathologies via diffusion Magnetic Resonance Imaging. (Application to Alzheimer diagnosis)</vt:lpstr>
      <vt:lpstr>Preprocessing</vt:lpstr>
      <vt:lpstr>Preprocessing</vt:lpstr>
      <vt:lpstr>Preprocessing</vt:lpstr>
      <vt:lpstr>Présentation PowerPoint</vt:lpstr>
      <vt:lpstr>DTI and Diamond </vt:lpstr>
      <vt:lpstr>Atlas mapping in progress</vt:lpstr>
      <vt:lpstr>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Quantifying anomalies in patients with neuropathologies via diffusion Magnetic Resonance Imaging. (Application to Alzheimer diagnosis)</dc:title>
  <dc:creator>Nicolas Indriets</dc:creator>
  <cp:lastModifiedBy>Nicolas Indriets</cp:lastModifiedBy>
  <cp:revision>4</cp:revision>
  <dcterms:created xsi:type="dcterms:W3CDTF">2023-02-12T09:44:48Z</dcterms:created>
  <dcterms:modified xsi:type="dcterms:W3CDTF">2023-02-13T10:50:16Z</dcterms:modified>
</cp:coreProperties>
</file>